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backupFile="1"/>
  <mc:AlternateContent xmlns:mc="http://schemas.openxmlformats.org/markup-compatibility/2006">
    <mc:Choice Requires="x15">
      <x15ac:absPath xmlns:x15ac="http://schemas.microsoft.com/office/spreadsheetml/2010/11/ac" url="\\kfs01\s1393\02高齢福祉Ｇ\08_居住支援\見守りセンサー・機器\02_HPデータ\◎HP公開\"/>
    </mc:Choice>
  </mc:AlternateContent>
  <xr:revisionPtr revIDLastSave="0" documentId="13_ncr:1_{2058FA20-9CF9-4B2B-BDE9-B8E5055442C2}" xr6:coauthVersionLast="47" xr6:coauthVersionMax="47" xr10:uidLastSave="{00000000-0000-0000-0000-000000000000}"/>
  <bookViews>
    <workbookView xWindow="768" yWindow="576" windowWidth="19284" windowHeight="11664" xr2:uid="{00000000-000D-0000-FFFF-FFFF00000000}"/>
  </bookViews>
  <sheets>
    <sheet name="全サービス基本情報" sheetId="13" r:id="rId1"/>
  </sheets>
  <definedNames>
    <definedName name="_xlnm._FilterDatabase" localSheetId="0" hidden="1">全サービス基本情報!$G$3:$L$3</definedName>
    <definedName name="_xlnm.Print_Area" localSheetId="0">全サービス基本情報!$A$1:$L$58</definedName>
    <definedName name="_xlnm.Print_Titles" localSheetId="0">全サービス基本情報!$1:$3</definedName>
  </definedNames>
  <calcPr calcId="152511"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0" uniqueCount="293">
  <si>
    <t>象印マホービン株式会社</t>
    <rPh sb="0" eb="2">
      <t>ゾウジルシ</t>
    </rPh>
    <rPh sb="7" eb="9">
      <t>カブシキ</t>
    </rPh>
    <rPh sb="9" eb="11">
      <t>カイシャ</t>
    </rPh>
    <phoneticPr fontId="1"/>
  </si>
  <si>
    <t>サービス名</t>
    <rPh sb="4" eb="5">
      <t>メイ</t>
    </rPh>
    <phoneticPr fontId="1"/>
  </si>
  <si>
    <t>企業名</t>
    <rPh sb="0" eb="2">
      <t>キギョウ</t>
    </rPh>
    <rPh sb="2" eb="3">
      <t>メイ</t>
    </rPh>
    <phoneticPr fontId="1"/>
  </si>
  <si>
    <t>ホームページ</t>
    <phoneticPr fontId="1"/>
  </si>
  <si>
    <t>0120-950-555</t>
    <phoneticPr fontId="1"/>
  </si>
  <si>
    <t>サービス概要</t>
    <rPh sb="4" eb="6">
      <t>ガイヨウ</t>
    </rPh>
    <phoneticPr fontId="1"/>
  </si>
  <si>
    <t>把握方法</t>
    <rPh sb="0" eb="2">
      <t>ハアク</t>
    </rPh>
    <rPh sb="2" eb="4">
      <t>ホウホウ</t>
    </rPh>
    <phoneticPr fontId="1"/>
  </si>
  <si>
    <t>人</t>
    <rPh sb="0" eb="1">
      <t>ヒト</t>
    </rPh>
    <phoneticPr fontId="1"/>
  </si>
  <si>
    <t>連絡方法</t>
    <rPh sb="0" eb="2">
      <t>レンラク</t>
    </rPh>
    <rPh sb="2" eb="4">
      <t>ホウホウ</t>
    </rPh>
    <phoneticPr fontId="1"/>
  </si>
  <si>
    <t>志幸技研工業株式会社</t>
    <rPh sb="0" eb="1">
      <t>ココロザシ</t>
    </rPh>
    <rPh sb="1" eb="2">
      <t>サチ</t>
    </rPh>
    <rPh sb="2" eb="4">
      <t>ギケン</t>
    </rPh>
    <rPh sb="4" eb="6">
      <t>コウギョウ</t>
    </rPh>
    <rPh sb="6" eb="8">
      <t>カブシキ</t>
    </rPh>
    <rPh sb="8" eb="10">
      <t>カイシャ</t>
    </rPh>
    <phoneticPr fontId="1"/>
  </si>
  <si>
    <t>ネットミル見守りサービスは、電力の使用量から独居高齢者独自の『生活リズム』を解析して、異常と判断すると指定の連絡先に自動通報します。また、見守り者がパソコンやスマートフォン・携帯電話からいつでもどこからでも安否確認ができ、双方向通信による業界初の『見える化』を実現しています。さらに、見守りと同時に電気料金も算出しますので、契約料金の見直しなど省エネルギーが図れる新しい見守りサービスです。</t>
    <rPh sb="5" eb="7">
      <t>ミマモ</t>
    </rPh>
    <rPh sb="14" eb="16">
      <t>デンリョク</t>
    </rPh>
    <rPh sb="17" eb="20">
      <t>シヨウリョウ</t>
    </rPh>
    <rPh sb="22" eb="24">
      <t>ドッキョ</t>
    </rPh>
    <rPh sb="24" eb="27">
      <t>コウレイシャ</t>
    </rPh>
    <rPh sb="27" eb="29">
      <t>ドクジ</t>
    </rPh>
    <rPh sb="31" eb="33">
      <t>セイカツ</t>
    </rPh>
    <rPh sb="38" eb="40">
      <t>カイセキ</t>
    </rPh>
    <rPh sb="43" eb="45">
      <t>イジョウ</t>
    </rPh>
    <rPh sb="46" eb="48">
      <t>ハンダン</t>
    </rPh>
    <rPh sb="51" eb="53">
      <t>シテイ</t>
    </rPh>
    <rPh sb="54" eb="57">
      <t>レンラクサキ</t>
    </rPh>
    <rPh sb="58" eb="60">
      <t>ジドウ</t>
    </rPh>
    <rPh sb="60" eb="62">
      <t>ツウホウ</t>
    </rPh>
    <rPh sb="69" eb="71">
      <t>ミマモ</t>
    </rPh>
    <rPh sb="72" eb="73">
      <t>シャ</t>
    </rPh>
    <rPh sb="87" eb="89">
      <t>ケイタイ</t>
    </rPh>
    <rPh sb="89" eb="91">
      <t>デンワ</t>
    </rPh>
    <rPh sb="103" eb="105">
      <t>アンピ</t>
    </rPh>
    <rPh sb="105" eb="107">
      <t>カクニン</t>
    </rPh>
    <phoneticPr fontId="1"/>
  </si>
  <si>
    <t>0765-24-2816</t>
    <phoneticPr fontId="1"/>
  </si>
  <si>
    <t>株式会社LIBERO</t>
    <rPh sb="0" eb="2">
      <t>カブシキ</t>
    </rPh>
    <rPh sb="2" eb="4">
      <t>カイシャ</t>
    </rPh>
    <phoneticPr fontId="1"/>
  </si>
  <si>
    <t>ALSOK</t>
    <phoneticPr fontId="1"/>
  </si>
  <si>
    <t>0120-39-2413</t>
    <phoneticPr fontId="1"/>
  </si>
  <si>
    <t>シニアセキュリティ</t>
    <phoneticPr fontId="1"/>
  </si>
  <si>
    <t>東急セキュリティ株式会社</t>
    <rPh sb="0" eb="2">
      <t>トウキュウ</t>
    </rPh>
    <rPh sb="8" eb="12">
      <t>カブシキガイシャ</t>
    </rPh>
    <phoneticPr fontId="1"/>
  </si>
  <si>
    <t>0120-109-253</t>
    <phoneticPr fontId="1"/>
  </si>
  <si>
    <t>センサーによる見守り支援システム「いまイルモ」</t>
    <rPh sb="7" eb="9">
      <t>ミマモ</t>
    </rPh>
    <rPh sb="10" eb="12">
      <t>シエン</t>
    </rPh>
    <phoneticPr fontId="1"/>
  </si>
  <si>
    <t>株式会社ソルクシーズ</t>
    <rPh sb="0" eb="4">
      <t>カブシキガイシャ</t>
    </rPh>
    <phoneticPr fontId="1"/>
  </si>
  <si>
    <t>03-6722-5019</t>
    <phoneticPr fontId="1"/>
  </si>
  <si>
    <t>ご高齢者や介護の必要な方等のお宅にセンサーを設置し、離れて暮らすご家族の方等はスマホやタブレット、パソコンを利用して生活の様子を確認することが出来ます。独自開発の「みまもりセンサー」にはモーションセンサー、温度センサー、照度センサー、微動センサーを搭載。また、センサーに反応が無い場合や、設定した温度より高くなった場合等にメールでお知らせされますので安心して日常生活を送る事が可能です。</t>
    <rPh sb="1" eb="3">
      <t>コウレイ</t>
    </rPh>
    <rPh sb="3" eb="4">
      <t>シャ</t>
    </rPh>
    <rPh sb="5" eb="7">
      <t>カイゴ</t>
    </rPh>
    <rPh sb="8" eb="10">
      <t>ヒツヨウ</t>
    </rPh>
    <rPh sb="11" eb="12">
      <t>カタ</t>
    </rPh>
    <rPh sb="12" eb="13">
      <t>トウ</t>
    </rPh>
    <rPh sb="15" eb="16">
      <t>タク</t>
    </rPh>
    <rPh sb="22" eb="24">
      <t>セッチ</t>
    </rPh>
    <rPh sb="26" eb="27">
      <t>ハナ</t>
    </rPh>
    <rPh sb="29" eb="30">
      <t>ク</t>
    </rPh>
    <rPh sb="33" eb="35">
      <t>カゾク</t>
    </rPh>
    <rPh sb="36" eb="37">
      <t>カタ</t>
    </rPh>
    <rPh sb="37" eb="38">
      <t>トウ</t>
    </rPh>
    <rPh sb="54" eb="56">
      <t>リヨウ</t>
    </rPh>
    <rPh sb="58" eb="60">
      <t>セイカツ</t>
    </rPh>
    <rPh sb="61" eb="63">
      <t>ヨウス</t>
    </rPh>
    <rPh sb="64" eb="66">
      <t>カクニン</t>
    </rPh>
    <rPh sb="71" eb="73">
      <t>デキ</t>
    </rPh>
    <rPh sb="76" eb="78">
      <t>ドクジ</t>
    </rPh>
    <rPh sb="78" eb="80">
      <t>カイハツ</t>
    </rPh>
    <rPh sb="103" eb="105">
      <t>オンド</t>
    </rPh>
    <rPh sb="110" eb="112">
      <t>ショウド</t>
    </rPh>
    <rPh sb="117" eb="119">
      <t>ビドウ</t>
    </rPh>
    <rPh sb="124" eb="126">
      <t>トウサイ</t>
    </rPh>
    <rPh sb="135" eb="137">
      <t>ハンノウ</t>
    </rPh>
    <rPh sb="138" eb="139">
      <t>ナ</t>
    </rPh>
    <rPh sb="140" eb="142">
      <t>バアイ</t>
    </rPh>
    <rPh sb="144" eb="146">
      <t>セッテイ</t>
    </rPh>
    <rPh sb="148" eb="150">
      <t>オンド</t>
    </rPh>
    <rPh sb="152" eb="153">
      <t>タカ</t>
    </rPh>
    <rPh sb="157" eb="159">
      <t>バアイ</t>
    </rPh>
    <rPh sb="159" eb="160">
      <t>トウ</t>
    </rPh>
    <rPh sb="166" eb="167">
      <t>シ</t>
    </rPh>
    <rPh sb="175" eb="177">
      <t>アンシン</t>
    </rPh>
    <rPh sb="179" eb="181">
      <t>ニチジョウ</t>
    </rPh>
    <rPh sb="181" eb="183">
      <t>セイカツ</t>
    </rPh>
    <rPh sb="184" eb="185">
      <t>オク</t>
    </rPh>
    <rPh sb="186" eb="187">
      <t>コト</t>
    </rPh>
    <rPh sb="188" eb="190">
      <t>カノウ</t>
    </rPh>
    <phoneticPr fontId="1"/>
  </si>
  <si>
    <t>あんしんテレちゃん</t>
    <phoneticPr fontId="1"/>
  </si>
  <si>
    <t>ＮＴＴテレコン株式会社</t>
    <rPh sb="7" eb="11">
      <t>カブシキガイシャ</t>
    </rPh>
    <phoneticPr fontId="1"/>
  </si>
  <si>
    <t>0120-547-230</t>
    <phoneticPr fontId="1"/>
  </si>
  <si>
    <t>見守られる方宅のガスメーターに通信装置を接続して、毎朝８時頃自動で検針を行い、前日値から当日値差分（24時間分）のガス使用量を、メールアドレス３件までメールでご連絡するサービスです。</t>
    <rPh sb="0" eb="2">
      <t>ミマモ</t>
    </rPh>
    <rPh sb="5" eb="6">
      <t>カタ</t>
    </rPh>
    <rPh sb="6" eb="7">
      <t>タク</t>
    </rPh>
    <rPh sb="15" eb="17">
      <t>ツウシン</t>
    </rPh>
    <rPh sb="17" eb="19">
      <t>ソウチ</t>
    </rPh>
    <rPh sb="20" eb="22">
      <t>セツゾク</t>
    </rPh>
    <rPh sb="25" eb="27">
      <t>マイアサ</t>
    </rPh>
    <rPh sb="28" eb="29">
      <t>ジ</t>
    </rPh>
    <rPh sb="29" eb="30">
      <t>コロ</t>
    </rPh>
    <rPh sb="30" eb="32">
      <t>ジドウ</t>
    </rPh>
    <rPh sb="33" eb="35">
      <t>ケンシン</t>
    </rPh>
    <rPh sb="36" eb="37">
      <t>オコナ</t>
    </rPh>
    <rPh sb="39" eb="41">
      <t>ゼンジツ</t>
    </rPh>
    <rPh sb="41" eb="42">
      <t>チ</t>
    </rPh>
    <rPh sb="44" eb="46">
      <t>トウジツ</t>
    </rPh>
    <rPh sb="46" eb="47">
      <t>チ</t>
    </rPh>
    <rPh sb="47" eb="48">
      <t>サ</t>
    </rPh>
    <rPh sb="48" eb="49">
      <t>ブン</t>
    </rPh>
    <rPh sb="52" eb="54">
      <t>ジカン</t>
    </rPh>
    <rPh sb="54" eb="55">
      <t>ブン</t>
    </rPh>
    <rPh sb="59" eb="62">
      <t>シヨウリョウ</t>
    </rPh>
    <rPh sb="72" eb="73">
      <t>ケン</t>
    </rPh>
    <rPh sb="80" eb="82">
      <t>レンラク</t>
    </rPh>
    <phoneticPr fontId="1"/>
  </si>
  <si>
    <t>株式会社テクノスジャパン</t>
    <rPh sb="0" eb="2">
      <t>カブシキ</t>
    </rPh>
    <rPh sb="2" eb="4">
      <t>ガイシャ</t>
    </rPh>
    <phoneticPr fontId="1"/>
  </si>
  <si>
    <t>079-288-1600</t>
    <phoneticPr fontId="1"/>
  </si>
  <si>
    <t>ケアロボ「パル」は、介護が必要な高齢者のための離床センサーや徘徊センサー、認知症ケア製品、呼び出しスイッチなどの通信機能を束ね制御する「見守り介護ロボット」です。本体にカメラ、マイク、スピーカー、アンテナを備え、利用者の状況を離れた訪問介護事業所や介護者の携帯電話などにメールや音声、映像などでお知らせすることができます。介護者は送られてきた情報を基に、必要に応じた対応ができるため、効率的に見守る事ができます。また、在宅高齢者は住み慣れた地域で安心して、自立した生活をおくる事ができます。</t>
    <rPh sb="10" eb="12">
      <t>カイゴ</t>
    </rPh>
    <rPh sb="13" eb="15">
      <t>ヒツヨウ</t>
    </rPh>
    <rPh sb="16" eb="19">
      <t>コウレイシャ</t>
    </rPh>
    <rPh sb="23" eb="25">
      <t>リショウ</t>
    </rPh>
    <rPh sb="30" eb="32">
      <t>ハイカイ</t>
    </rPh>
    <rPh sb="37" eb="40">
      <t>ニンチショウ</t>
    </rPh>
    <rPh sb="42" eb="44">
      <t>セイヒン</t>
    </rPh>
    <rPh sb="45" eb="46">
      <t>ヨ</t>
    </rPh>
    <rPh sb="47" eb="48">
      <t>ダ</t>
    </rPh>
    <rPh sb="56" eb="58">
      <t>ツウシン</t>
    </rPh>
    <rPh sb="58" eb="60">
      <t>キノウ</t>
    </rPh>
    <rPh sb="61" eb="62">
      <t>タバ</t>
    </rPh>
    <rPh sb="63" eb="65">
      <t>セイギョ</t>
    </rPh>
    <rPh sb="68" eb="70">
      <t>ミマモ</t>
    </rPh>
    <rPh sb="71" eb="73">
      <t>カイゴ</t>
    </rPh>
    <rPh sb="81" eb="83">
      <t>ホンタイ</t>
    </rPh>
    <rPh sb="103" eb="104">
      <t>ソナ</t>
    </rPh>
    <rPh sb="106" eb="109">
      <t>リヨウシャ</t>
    </rPh>
    <rPh sb="110" eb="112">
      <t>ジョウキョウ</t>
    </rPh>
    <rPh sb="113" eb="114">
      <t>ハナ</t>
    </rPh>
    <rPh sb="116" eb="118">
      <t>ホウモン</t>
    </rPh>
    <rPh sb="118" eb="120">
      <t>カイゴ</t>
    </rPh>
    <rPh sb="120" eb="122">
      <t>ジギョウ</t>
    </rPh>
    <rPh sb="122" eb="123">
      <t>ショ</t>
    </rPh>
    <rPh sb="124" eb="127">
      <t>カイゴシャ</t>
    </rPh>
    <rPh sb="128" eb="130">
      <t>ケイタイ</t>
    </rPh>
    <rPh sb="130" eb="132">
      <t>デンワ</t>
    </rPh>
    <rPh sb="139" eb="141">
      <t>オンセイ</t>
    </rPh>
    <rPh sb="142" eb="144">
      <t>エイゾウ</t>
    </rPh>
    <rPh sb="148" eb="149">
      <t>シ</t>
    </rPh>
    <rPh sb="161" eb="164">
      <t>カイゴシャ</t>
    </rPh>
    <rPh sb="165" eb="166">
      <t>オク</t>
    </rPh>
    <rPh sb="171" eb="173">
      <t>ジョウホウ</t>
    </rPh>
    <rPh sb="174" eb="175">
      <t>モト</t>
    </rPh>
    <rPh sb="177" eb="179">
      <t>ヒツヨウ</t>
    </rPh>
    <rPh sb="180" eb="181">
      <t>オウ</t>
    </rPh>
    <rPh sb="183" eb="185">
      <t>タイオウ</t>
    </rPh>
    <rPh sb="192" eb="195">
      <t>コウリツテキ</t>
    </rPh>
    <rPh sb="196" eb="198">
      <t>ミマモ</t>
    </rPh>
    <rPh sb="199" eb="200">
      <t>コト</t>
    </rPh>
    <rPh sb="209" eb="211">
      <t>ザイタク</t>
    </rPh>
    <rPh sb="211" eb="214">
      <t>コウレイシャ</t>
    </rPh>
    <rPh sb="215" eb="216">
      <t>ス</t>
    </rPh>
    <rPh sb="217" eb="218">
      <t>ナ</t>
    </rPh>
    <rPh sb="220" eb="222">
      <t>チイキ</t>
    </rPh>
    <rPh sb="223" eb="225">
      <t>アンシン</t>
    </rPh>
    <rPh sb="228" eb="230">
      <t>ジリツ</t>
    </rPh>
    <rPh sb="232" eb="234">
      <t>セイカツ</t>
    </rPh>
    <rPh sb="238" eb="239">
      <t>コト</t>
    </rPh>
    <phoneticPr fontId="1"/>
  </si>
  <si>
    <t>株式会社こころみ</t>
    <rPh sb="0" eb="4">
      <t>カブシキガイシャ</t>
    </rPh>
    <phoneticPr fontId="1"/>
  </si>
  <si>
    <t>0120-042-488</t>
    <phoneticPr fontId="1"/>
  </si>
  <si>
    <t>ご家庭見守りサービス「絆‐ONE」</t>
    <rPh sb="1" eb="3">
      <t>カテイ</t>
    </rPh>
    <rPh sb="3" eb="5">
      <t>ミマモ</t>
    </rPh>
    <rPh sb="11" eb="12">
      <t>キズナ</t>
    </rPh>
    <phoneticPr fontId="1"/>
  </si>
  <si>
    <t>0120-932-334</t>
    <phoneticPr fontId="1"/>
  </si>
  <si>
    <t>見守りハピネス</t>
    <rPh sb="0" eb="2">
      <t>ミマモ</t>
    </rPh>
    <phoneticPr fontId="1"/>
  </si>
  <si>
    <t>セントラル警備保障株式会社</t>
    <rPh sb="5" eb="7">
      <t>ケイビ</t>
    </rPh>
    <rPh sb="7" eb="9">
      <t>ホショウ</t>
    </rPh>
    <rPh sb="9" eb="13">
      <t>カブシキガイシャ</t>
    </rPh>
    <phoneticPr fontId="1"/>
  </si>
  <si>
    <t>0120-810602</t>
    <phoneticPr fontId="1"/>
  </si>
  <si>
    <t>高齢者向けオンライン対話サービス「見守りん」</t>
    <rPh sb="0" eb="3">
      <t>コウレイシャ</t>
    </rPh>
    <rPh sb="3" eb="4">
      <t>ム</t>
    </rPh>
    <rPh sb="10" eb="12">
      <t>タイワ</t>
    </rPh>
    <rPh sb="17" eb="19">
      <t>ミマモ</t>
    </rPh>
    <phoneticPr fontId="1"/>
  </si>
  <si>
    <t>株式会社エクセリーベ</t>
    <rPh sb="0" eb="2">
      <t>カブシキ</t>
    </rPh>
    <rPh sb="2" eb="4">
      <t>カイシャ</t>
    </rPh>
    <phoneticPr fontId="1"/>
  </si>
  <si>
    <t>03-6380-4077</t>
    <phoneticPr fontId="1"/>
  </si>
  <si>
    <t>＠dream-Sensor（アットドリーム・センサー）</t>
    <phoneticPr fontId="1"/>
  </si>
  <si>
    <t>04-2946-5173</t>
    <phoneticPr fontId="1"/>
  </si>
  <si>
    <t>電源不要のセンサーにより、一定時間反応がない場合、メール配信によりお知らせするサービス。開閉センサー及び人感センサーのどちらかを室内に設置して、入居者が正常に生活活動を行っているかをチェック。賃貸管理会社・親族・ケアサービスセンターへメールを発信する事により、非常時の対応を行います。正常に稼働しているかどうかも30分に1度の定期通信でセンサーの稼働を管理し、イザという時に反応しないを防止しています。</t>
    <rPh sb="0" eb="2">
      <t>デンゲン</t>
    </rPh>
    <rPh sb="2" eb="4">
      <t>フヨウ</t>
    </rPh>
    <rPh sb="13" eb="15">
      <t>イッテイ</t>
    </rPh>
    <rPh sb="15" eb="17">
      <t>ジカン</t>
    </rPh>
    <rPh sb="17" eb="19">
      <t>ハンノウ</t>
    </rPh>
    <rPh sb="22" eb="24">
      <t>バアイ</t>
    </rPh>
    <rPh sb="28" eb="30">
      <t>ハイシン</t>
    </rPh>
    <rPh sb="34" eb="35">
      <t>シ</t>
    </rPh>
    <rPh sb="44" eb="46">
      <t>カイヘイ</t>
    </rPh>
    <rPh sb="50" eb="51">
      <t>オヨ</t>
    </rPh>
    <rPh sb="52" eb="54">
      <t>ジンカン</t>
    </rPh>
    <rPh sb="64" eb="66">
      <t>シツナイ</t>
    </rPh>
    <rPh sb="67" eb="69">
      <t>セッチ</t>
    </rPh>
    <rPh sb="72" eb="75">
      <t>ニュウキョシャ</t>
    </rPh>
    <rPh sb="76" eb="78">
      <t>セイジョウ</t>
    </rPh>
    <rPh sb="79" eb="81">
      <t>セイカツ</t>
    </rPh>
    <rPh sb="81" eb="83">
      <t>カツドウ</t>
    </rPh>
    <rPh sb="84" eb="85">
      <t>オコナ</t>
    </rPh>
    <rPh sb="96" eb="98">
      <t>チンタイ</t>
    </rPh>
    <rPh sb="98" eb="100">
      <t>カンリ</t>
    </rPh>
    <rPh sb="100" eb="102">
      <t>ガイシャ</t>
    </rPh>
    <rPh sb="103" eb="105">
      <t>シンゾク</t>
    </rPh>
    <rPh sb="121" eb="123">
      <t>ハッシン</t>
    </rPh>
    <rPh sb="125" eb="126">
      <t>コト</t>
    </rPh>
    <rPh sb="130" eb="132">
      <t>ヒジョウ</t>
    </rPh>
    <rPh sb="132" eb="133">
      <t>ジ</t>
    </rPh>
    <rPh sb="134" eb="136">
      <t>タイオウ</t>
    </rPh>
    <rPh sb="137" eb="138">
      <t>オコナ</t>
    </rPh>
    <rPh sb="142" eb="144">
      <t>セイジョウ</t>
    </rPh>
    <rPh sb="145" eb="147">
      <t>カドウ</t>
    </rPh>
    <rPh sb="158" eb="159">
      <t>プン</t>
    </rPh>
    <rPh sb="161" eb="162">
      <t>ド</t>
    </rPh>
    <rPh sb="163" eb="165">
      <t>テイキ</t>
    </rPh>
    <rPh sb="165" eb="167">
      <t>ツウシン</t>
    </rPh>
    <rPh sb="173" eb="175">
      <t>カドウ</t>
    </rPh>
    <rPh sb="176" eb="178">
      <t>カンリ</t>
    </rPh>
    <rPh sb="185" eb="186">
      <t>トキ</t>
    </rPh>
    <rPh sb="187" eb="189">
      <t>ハンノウ</t>
    </rPh>
    <rPh sb="193" eb="195">
      <t>ボウシ</t>
    </rPh>
    <phoneticPr fontId="1"/>
  </si>
  <si>
    <t>一人暮らし向け生活見守りサービス「お元気ですかメール」</t>
    <rPh sb="0" eb="2">
      <t>ヒトリ</t>
    </rPh>
    <rPh sb="2" eb="3">
      <t>グ</t>
    </rPh>
    <rPh sb="5" eb="6">
      <t>ム</t>
    </rPh>
    <rPh sb="7" eb="9">
      <t>セイカツ</t>
    </rPh>
    <rPh sb="9" eb="11">
      <t>ミマモ</t>
    </rPh>
    <rPh sb="18" eb="20">
      <t>ゲンキ</t>
    </rPh>
    <phoneticPr fontId="1"/>
  </si>
  <si>
    <t>株式会社アートデータ</t>
    <rPh sb="0" eb="4">
      <t>カブシキガイシャ</t>
    </rPh>
    <phoneticPr fontId="1"/>
  </si>
  <si>
    <t>株式会社リバティ・イノベーション</t>
    <rPh sb="0" eb="4">
      <t>カブシキガイシャ</t>
    </rPh>
    <phoneticPr fontId="1"/>
  </si>
  <si>
    <t>048-711-8903</t>
    <phoneticPr fontId="1"/>
  </si>
  <si>
    <t>株式会社アイトシステム</t>
    <rPh sb="0" eb="4">
      <t>カブシキガイシャ</t>
    </rPh>
    <phoneticPr fontId="1"/>
  </si>
  <si>
    <t>0773-22-2789</t>
    <phoneticPr fontId="1"/>
  </si>
  <si>
    <t>『親子のドアシル』は各種センサを応用した高性能・低価格な見守りシステムです。最新のセンサが家族に替わって24時間365日、被介護者の状態を見守ります。被介護者が体調不良や不慮の事故等による怪我で身動きができなくなった場合、あらかじめ設定された時間が経過すると、登録先の介護者にメールにて連絡を行います。ドアセンサ子機と親機の間は無線で通信を行うため、お好きなところへ（無線の通信範囲内に限る）設置可能です。焦電センサとドアセンサの組み合わせで異常を検出するので万が一の場合でも迅速に対応でき安心です。</t>
    <rPh sb="1" eb="3">
      <t>オヤコ</t>
    </rPh>
    <rPh sb="10" eb="12">
      <t>カクシュ</t>
    </rPh>
    <rPh sb="16" eb="18">
      <t>オウヨウ</t>
    </rPh>
    <rPh sb="20" eb="23">
      <t>コウセイノウ</t>
    </rPh>
    <rPh sb="24" eb="27">
      <t>テイカカク</t>
    </rPh>
    <rPh sb="28" eb="30">
      <t>ミマモ</t>
    </rPh>
    <rPh sb="38" eb="40">
      <t>サイシン</t>
    </rPh>
    <rPh sb="45" eb="47">
      <t>カゾク</t>
    </rPh>
    <rPh sb="48" eb="49">
      <t>カ</t>
    </rPh>
    <rPh sb="54" eb="56">
      <t>ジカン</t>
    </rPh>
    <rPh sb="59" eb="60">
      <t>ニチ</t>
    </rPh>
    <rPh sb="61" eb="62">
      <t>ヒ</t>
    </rPh>
    <rPh sb="62" eb="65">
      <t>カイゴシャ</t>
    </rPh>
    <rPh sb="66" eb="68">
      <t>ジョウタイ</t>
    </rPh>
    <rPh sb="69" eb="71">
      <t>ミマモ</t>
    </rPh>
    <rPh sb="75" eb="76">
      <t>ヒ</t>
    </rPh>
    <rPh sb="76" eb="79">
      <t>カイゴシャ</t>
    </rPh>
    <rPh sb="80" eb="82">
      <t>タイチョウ</t>
    </rPh>
    <rPh sb="82" eb="84">
      <t>フリョウ</t>
    </rPh>
    <rPh sb="85" eb="87">
      <t>フリョ</t>
    </rPh>
    <rPh sb="88" eb="90">
      <t>ジコ</t>
    </rPh>
    <rPh sb="90" eb="91">
      <t>トウ</t>
    </rPh>
    <rPh sb="94" eb="96">
      <t>ケガ</t>
    </rPh>
    <rPh sb="97" eb="99">
      <t>ミウゴ</t>
    </rPh>
    <rPh sb="108" eb="110">
      <t>バアイ</t>
    </rPh>
    <rPh sb="116" eb="118">
      <t>セッテイ</t>
    </rPh>
    <rPh sb="121" eb="123">
      <t>ジカン</t>
    </rPh>
    <rPh sb="124" eb="126">
      <t>ケイカ</t>
    </rPh>
    <rPh sb="130" eb="132">
      <t>トウロク</t>
    </rPh>
    <rPh sb="132" eb="133">
      <t>サキ</t>
    </rPh>
    <rPh sb="134" eb="137">
      <t>カイゴシャ</t>
    </rPh>
    <rPh sb="143" eb="145">
      <t>レンラク</t>
    </rPh>
    <rPh sb="146" eb="147">
      <t>オコナ</t>
    </rPh>
    <rPh sb="156" eb="158">
      <t>コキ</t>
    </rPh>
    <rPh sb="159" eb="161">
      <t>オヤキ</t>
    </rPh>
    <rPh sb="162" eb="163">
      <t>アイダ</t>
    </rPh>
    <rPh sb="164" eb="166">
      <t>ムセン</t>
    </rPh>
    <rPh sb="167" eb="169">
      <t>ツウシン</t>
    </rPh>
    <rPh sb="170" eb="171">
      <t>オコナ</t>
    </rPh>
    <rPh sb="176" eb="177">
      <t>ス</t>
    </rPh>
    <rPh sb="184" eb="186">
      <t>ムセン</t>
    </rPh>
    <rPh sb="187" eb="189">
      <t>ツウシン</t>
    </rPh>
    <rPh sb="189" eb="192">
      <t>ハンイナイ</t>
    </rPh>
    <rPh sb="193" eb="194">
      <t>カギ</t>
    </rPh>
    <rPh sb="196" eb="198">
      <t>セッチ</t>
    </rPh>
    <rPh sb="198" eb="200">
      <t>カノウ</t>
    </rPh>
    <rPh sb="203" eb="204">
      <t>ショウ</t>
    </rPh>
    <rPh sb="204" eb="205">
      <t>デン</t>
    </rPh>
    <rPh sb="215" eb="216">
      <t>ク</t>
    </rPh>
    <rPh sb="217" eb="218">
      <t>ア</t>
    </rPh>
    <rPh sb="221" eb="223">
      <t>イジョウ</t>
    </rPh>
    <rPh sb="224" eb="226">
      <t>ケンシュツ</t>
    </rPh>
    <rPh sb="230" eb="231">
      <t>マン</t>
    </rPh>
    <rPh sb="232" eb="233">
      <t>イチ</t>
    </rPh>
    <rPh sb="234" eb="236">
      <t>バアイ</t>
    </rPh>
    <rPh sb="238" eb="240">
      <t>ジンソク</t>
    </rPh>
    <rPh sb="241" eb="243">
      <t>タイオウ</t>
    </rPh>
    <rPh sb="245" eb="247">
      <t>アンシン</t>
    </rPh>
    <phoneticPr fontId="1"/>
  </si>
  <si>
    <t>株式会社インタープロ</t>
    <rPh sb="0" eb="2">
      <t>カブシキ</t>
    </rPh>
    <rPh sb="2" eb="4">
      <t>カイシャ</t>
    </rPh>
    <phoneticPr fontId="1"/>
  </si>
  <si>
    <t>0985-20-5051</t>
    <phoneticPr fontId="1"/>
  </si>
  <si>
    <t>イーテクノロジー株式会社</t>
    <rPh sb="8" eb="12">
      <t>カブシキガイシャ</t>
    </rPh>
    <phoneticPr fontId="1"/>
  </si>
  <si>
    <t>045-512-9820</t>
    <phoneticPr fontId="1"/>
  </si>
  <si>
    <t>ネットワークプランニングサービス株式会社</t>
    <rPh sb="16" eb="20">
      <t>カブシキガイシャ</t>
    </rPh>
    <phoneticPr fontId="1"/>
  </si>
  <si>
    <t>0466-28-6231</t>
    <phoneticPr fontId="1"/>
  </si>
  <si>
    <t>加藤電機株式会社</t>
    <rPh sb="0" eb="2">
      <t>カトウ</t>
    </rPh>
    <rPh sb="2" eb="4">
      <t>デンキ</t>
    </rPh>
    <rPh sb="4" eb="8">
      <t>カブシキガイシャ</t>
    </rPh>
    <phoneticPr fontId="1"/>
  </si>
  <si>
    <t>http://www.anshin-anzen.com/san-flower/</t>
    <phoneticPr fontId="1"/>
  </si>
  <si>
    <t>0569-26-0088</t>
    <phoneticPr fontId="1"/>
  </si>
  <si>
    <t>みまもり安否確認通報サービス</t>
    <rPh sb="4" eb="6">
      <t>アンピ</t>
    </rPh>
    <rPh sb="6" eb="8">
      <t>カクニン</t>
    </rPh>
    <rPh sb="8" eb="10">
      <t>ツウホウ</t>
    </rPh>
    <phoneticPr fontId="1"/>
  </si>
  <si>
    <t>有限会社インターフェース</t>
    <rPh sb="0" eb="4">
      <t>ユウゲンガイシャ</t>
    </rPh>
    <phoneticPr fontId="1"/>
  </si>
  <si>
    <t>029-285-8771</t>
    <phoneticPr fontId="1"/>
  </si>
  <si>
    <t>在宅みまもりシステム「安心」</t>
    <rPh sb="0" eb="2">
      <t>ザイタク</t>
    </rPh>
    <rPh sb="11" eb="13">
      <t>アンシン</t>
    </rPh>
    <phoneticPr fontId="1"/>
  </si>
  <si>
    <t>株式会社エイビス</t>
    <rPh sb="0" eb="2">
      <t>カブシキ</t>
    </rPh>
    <rPh sb="2" eb="4">
      <t>カイシャ</t>
    </rPh>
    <phoneticPr fontId="1"/>
  </si>
  <si>
    <t>03-5232-3678</t>
    <phoneticPr fontId="1"/>
  </si>
  <si>
    <t>「離れていてもつながっている」これがサービスのコンセプトです。ご家庭に、人感センサーや開閉センサー、温湿度センサー等を設置してご高齢者にストレスを与えずに生活をみまもります。そして、その日の活動記録と共に緊急アラートもご家族など指定された方へメール送信します。必要なセンサーは選択可能です。設置は簡単で工事、インターネット、固定電話回線は不要です。センサーはソーラーセル方式のため電池交換も不要です。</t>
    <rPh sb="1" eb="2">
      <t>ハナ</t>
    </rPh>
    <rPh sb="32" eb="34">
      <t>カテイ</t>
    </rPh>
    <rPh sb="36" eb="38">
      <t>ジンカン</t>
    </rPh>
    <rPh sb="43" eb="45">
      <t>カイヘイ</t>
    </rPh>
    <rPh sb="50" eb="53">
      <t>オンシツド</t>
    </rPh>
    <rPh sb="57" eb="58">
      <t>トウ</t>
    </rPh>
    <rPh sb="59" eb="61">
      <t>セッチ</t>
    </rPh>
    <rPh sb="64" eb="67">
      <t>コウレイシャ</t>
    </rPh>
    <rPh sb="73" eb="74">
      <t>アタ</t>
    </rPh>
    <rPh sb="77" eb="79">
      <t>セイカツ</t>
    </rPh>
    <rPh sb="93" eb="94">
      <t>ヒ</t>
    </rPh>
    <rPh sb="95" eb="97">
      <t>カツドウ</t>
    </rPh>
    <rPh sb="97" eb="99">
      <t>キロク</t>
    </rPh>
    <rPh sb="100" eb="101">
      <t>トモ</t>
    </rPh>
    <rPh sb="102" eb="104">
      <t>キンキュウ</t>
    </rPh>
    <rPh sb="110" eb="112">
      <t>カゾク</t>
    </rPh>
    <rPh sb="114" eb="116">
      <t>シテイ</t>
    </rPh>
    <rPh sb="119" eb="120">
      <t>カタ</t>
    </rPh>
    <rPh sb="124" eb="126">
      <t>ソウシン</t>
    </rPh>
    <rPh sb="130" eb="132">
      <t>ヒツヨウ</t>
    </rPh>
    <rPh sb="138" eb="140">
      <t>センタク</t>
    </rPh>
    <rPh sb="140" eb="142">
      <t>カノウ</t>
    </rPh>
    <rPh sb="145" eb="147">
      <t>セッチ</t>
    </rPh>
    <rPh sb="148" eb="150">
      <t>カンタン</t>
    </rPh>
    <rPh sb="151" eb="153">
      <t>コウジ</t>
    </rPh>
    <rPh sb="162" eb="164">
      <t>コテイ</t>
    </rPh>
    <rPh sb="164" eb="166">
      <t>デンワ</t>
    </rPh>
    <rPh sb="166" eb="168">
      <t>カイセン</t>
    </rPh>
    <rPh sb="169" eb="171">
      <t>フヨウ</t>
    </rPh>
    <rPh sb="185" eb="187">
      <t>ホウシキ</t>
    </rPh>
    <rPh sb="190" eb="192">
      <t>デンチ</t>
    </rPh>
    <rPh sb="192" eb="194">
      <t>コウカン</t>
    </rPh>
    <rPh sb="195" eb="197">
      <t>フヨウ</t>
    </rPh>
    <phoneticPr fontId="1"/>
  </si>
  <si>
    <t>きずな生活</t>
    <rPh sb="3" eb="5">
      <t>セイカツ</t>
    </rPh>
    <phoneticPr fontId="1"/>
  </si>
  <si>
    <t>株式会社エイジプラス</t>
    <rPh sb="0" eb="2">
      <t>カブシキ</t>
    </rPh>
    <rPh sb="2" eb="4">
      <t>カイシャ</t>
    </rPh>
    <phoneticPr fontId="1"/>
  </si>
  <si>
    <t>0120-109-279</t>
  </si>
  <si>
    <t>毎日の安否・体調確認、もしもの場合に助けを呼べる救急ボタン、セコムによる24時間緊急対応、万が一の事故からお家を守る火災センサーや防犯センサーまでが１セットになった安心生活パッケージです。</t>
    <rPh sb="0" eb="2">
      <t>マイニチ</t>
    </rPh>
    <rPh sb="3" eb="5">
      <t>アンピ</t>
    </rPh>
    <rPh sb="6" eb="8">
      <t>タイチョウ</t>
    </rPh>
    <rPh sb="8" eb="10">
      <t>カクニン</t>
    </rPh>
    <rPh sb="15" eb="17">
      <t>バアイ</t>
    </rPh>
    <rPh sb="18" eb="19">
      <t>タス</t>
    </rPh>
    <rPh sb="21" eb="22">
      <t>ヨ</t>
    </rPh>
    <rPh sb="24" eb="26">
      <t>キュウキュウ</t>
    </rPh>
    <rPh sb="38" eb="40">
      <t>ジカン</t>
    </rPh>
    <rPh sb="40" eb="42">
      <t>キンキュウ</t>
    </rPh>
    <rPh sb="42" eb="44">
      <t>タイオウ</t>
    </rPh>
    <rPh sb="45" eb="46">
      <t>マン</t>
    </rPh>
    <rPh sb="47" eb="48">
      <t>イチ</t>
    </rPh>
    <rPh sb="49" eb="51">
      <t>ジコ</t>
    </rPh>
    <rPh sb="54" eb="55">
      <t>ウチ</t>
    </rPh>
    <rPh sb="56" eb="57">
      <t>マモ</t>
    </rPh>
    <rPh sb="58" eb="60">
      <t>カサイ</t>
    </rPh>
    <rPh sb="65" eb="67">
      <t>ボウハン</t>
    </rPh>
    <rPh sb="82" eb="84">
      <t>アンシン</t>
    </rPh>
    <rPh sb="84" eb="86">
      <t>セイカツ</t>
    </rPh>
    <phoneticPr fontId="1"/>
  </si>
  <si>
    <t>03-6240-1812</t>
    <phoneticPr fontId="1"/>
  </si>
  <si>
    <t>株式会社アイオーティー</t>
    <rPh sb="0" eb="2">
      <t>カブシキ</t>
    </rPh>
    <rPh sb="2" eb="4">
      <t>カイシャ</t>
    </rPh>
    <phoneticPr fontId="1"/>
  </si>
  <si>
    <t>アイテック株式会社</t>
    <rPh sb="5" eb="7">
      <t>カブシキ</t>
    </rPh>
    <rPh sb="7" eb="9">
      <t>カイシャ</t>
    </rPh>
    <phoneticPr fontId="1"/>
  </si>
  <si>
    <t>0120-826-838</t>
    <phoneticPr fontId="1"/>
  </si>
  <si>
    <t>株式会社オリバー</t>
    <rPh sb="0" eb="2">
      <t>カブシキ</t>
    </rPh>
    <rPh sb="2" eb="4">
      <t>カイシャ</t>
    </rPh>
    <phoneticPr fontId="1"/>
  </si>
  <si>
    <t>株式会社エフエージェイ</t>
    <rPh sb="0" eb="2">
      <t>カブシキ</t>
    </rPh>
    <rPh sb="2" eb="4">
      <t>カイシャ</t>
    </rPh>
    <phoneticPr fontId="1"/>
  </si>
  <si>
    <t>045-532-5581</t>
    <phoneticPr fontId="1"/>
  </si>
  <si>
    <t>株式会社エスト</t>
    <rPh sb="0" eb="2">
      <t>カブシキ</t>
    </rPh>
    <rPh sb="2" eb="4">
      <t>カイシャ</t>
    </rPh>
    <phoneticPr fontId="1"/>
  </si>
  <si>
    <t>おせっかいステーション</t>
    <phoneticPr fontId="1"/>
  </si>
  <si>
    <t>株式会社みらい町内会</t>
    <rPh sb="0" eb="2">
      <t>カブシキ</t>
    </rPh>
    <rPh sb="2" eb="4">
      <t>カイシャ</t>
    </rPh>
    <rPh sb="7" eb="9">
      <t>チョウナイ</t>
    </rPh>
    <rPh sb="9" eb="10">
      <t>カイ</t>
    </rPh>
    <phoneticPr fontId="1"/>
  </si>
  <si>
    <t>03-6838-2834</t>
    <phoneticPr fontId="1"/>
  </si>
  <si>
    <t>高齢者の外出時のもしもの際（徘徊・急病等）の迅速な保護と身元確認をサポートする「靴の中敷き型」保護対策用品</t>
    <rPh sb="0" eb="3">
      <t>コウレイシャ</t>
    </rPh>
    <rPh sb="4" eb="6">
      <t>ガイシュツ</t>
    </rPh>
    <rPh sb="6" eb="7">
      <t>ジ</t>
    </rPh>
    <rPh sb="12" eb="13">
      <t>サイ</t>
    </rPh>
    <rPh sb="14" eb="16">
      <t>ハイカイ</t>
    </rPh>
    <rPh sb="17" eb="19">
      <t>キュウビョウ</t>
    </rPh>
    <rPh sb="19" eb="20">
      <t>トウ</t>
    </rPh>
    <rPh sb="22" eb="24">
      <t>ジンソク</t>
    </rPh>
    <rPh sb="25" eb="27">
      <t>ホゴ</t>
    </rPh>
    <rPh sb="28" eb="30">
      <t>ミモト</t>
    </rPh>
    <rPh sb="30" eb="32">
      <t>カクニン</t>
    </rPh>
    <rPh sb="40" eb="41">
      <t>クツ</t>
    </rPh>
    <rPh sb="42" eb="44">
      <t>ナカジ</t>
    </rPh>
    <rPh sb="45" eb="46">
      <t>カタ</t>
    </rPh>
    <rPh sb="47" eb="49">
      <t>ホゴ</t>
    </rPh>
    <rPh sb="49" eb="51">
      <t>タイサク</t>
    </rPh>
    <rPh sb="51" eb="53">
      <t>ヨウヒン</t>
    </rPh>
    <phoneticPr fontId="1"/>
  </si>
  <si>
    <t>0466-26-1344</t>
    <phoneticPr fontId="1"/>
  </si>
  <si>
    <t>チェリー・BPMのイマココサービス</t>
    <phoneticPr fontId="1"/>
  </si>
  <si>
    <t>03-6805-0068</t>
    <phoneticPr fontId="1"/>
  </si>
  <si>
    <t>親を見守るイマココサービスです。「いつ出て行ったのかわからない」「連れて帰ってもすぐどこかへ行ってしまう」認知症の方の徘徊が始まるとご家族は本当に大変です。そこで、靴の踵にGPSを入れました。スマートフォンの無料アプリを利用して、対象者の居場所を確認。アプリは何人でも登録できるので、地図画面の移動履歴からみんなで見守ることができます。</t>
    <rPh sb="0" eb="1">
      <t>オヤ</t>
    </rPh>
    <rPh sb="2" eb="4">
      <t>ミマモ</t>
    </rPh>
    <rPh sb="19" eb="20">
      <t>デ</t>
    </rPh>
    <rPh sb="21" eb="22">
      <t>イ</t>
    </rPh>
    <rPh sb="33" eb="34">
      <t>ツ</t>
    </rPh>
    <rPh sb="36" eb="37">
      <t>カエ</t>
    </rPh>
    <rPh sb="46" eb="47">
      <t>イ</t>
    </rPh>
    <rPh sb="53" eb="56">
      <t>ニンチショウ</t>
    </rPh>
    <rPh sb="57" eb="58">
      <t>カタ</t>
    </rPh>
    <rPh sb="59" eb="61">
      <t>ハイカイ</t>
    </rPh>
    <rPh sb="62" eb="63">
      <t>ハジ</t>
    </rPh>
    <rPh sb="67" eb="69">
      <t>カゾク</t>
    </rPh>
    <rPh sb="70" eb="72">
      <t>ホントウ</t>
    </rPh>
    <rPh sb="73" eb="75">
      <t>タイヘン</t>
    </rPh>
    <rPh sb="82" eb="83">
      <t>クツ</t>
    </rPh>
    <rPh sb="84" eb="85">
      <t>カカト</t>
    </rPh>
    <rPh sb="90" eb="91">
      <t>イ</t>
    </rPh>
    <rPh sb="104" eb="106">
      <t>ムリョウ</t>
    </rPh>
    <rPh sb="110" eb="112">
      <t>リヨウ</t>
    </rPh>
    <rPh sb="115" eb="118">
      <t>タイショウシャ</t>
    </rPh>
    <rPh sb="119" eb="122">
      <t>イバショ</t>
    </rPh>
    <rPh sb="123" eb="125">
      <t>カクニン</t>
    </rPh>
    <rPh sb="130" eb="132">
      <t>ナンニン</t>
    </rPh>
    <rPh sb="134" eb="136">
      <t>トウロク</t>
    </rPh>
    <rPh sb="142" eb="144">
      <t>チズ</t>
    </rPh>
    <rPh sb="144" eb="146">
      <t>ガメン</t>
    </rPh>
    <rPh sb="147" eb="149">
      <t>イドウ</t>
    </rPh>
    <rPh sb="149" eb="151">
      <t>リレキ</t>
    </rPh>
    <rPh sb="157" eb="159">
      <t>ミマモ</t>
    </rPh>
    <phoneticPr fontId="1"/>
  </si>
  <si>
    <t>離れて暮らす両親を、傾聴の専門家がテレビ電話による「顔の見えるコミュニケーション」で優しく見守り、「日常生活のレポート」で安心をお届けするサービスです。
※サービスエリア：日本全国（離島・海外も可）</t>
    <rPh sb="0" eb="1">
      <t>ハナ</t>
    </rPh>
    <rPh sb="3" eb="4">
      <t>ク</t>
    </rPh>
    <rPh sb="6" eb="8">
      <t>リョウシン</t>
    </rPh>
    <rPh sb="10" eb="12">
      <t>ケイチョウ</t>
    </rPh>
    <rPh sb="13" eb="16">
      <t>センモンカ</t>
    </rPh>
    <rPh sb="20" eb="22">
      <t>デンワ</t>
    </rPh>
    <rPh sb="26" eb="27">
      <t>カオ</t>
    </rPh>
    <rPh sb="28" eb="29">
      <t>ミ</t>
    </rPh>
    <rPh sb="42" eb="43">
      <t>ヤサ</t>
    </rPh>
    <rPh sb="45" eb="47">
      <t>ミマモ</t>
    </rPh>
    <rPh sb="50" eb="52">
      <t>ニチジョウ</t>
    </rPh>
    <rPh sb="52" eb="54">
      <t>セイカツ</t>
    </rPh>
    <rPh sb="61" eb="63">
      <t>アンシン</t>
    </rPh>
    <rPh sb="65" eb="66">
      <t>トド</t>
    </rPh>
    <rPh sb="86" eb="88">
      <t>ニホン</t>
    </rPh>
    <rPh sb="88" eb="90">
      <t>ゼンコク</t>
    </rPh>
    <rPh sb="91" eb="93">
      <t>リトウ</t>
    </rPh>
    <rPh sb="94" eb="96">
      <t>カイガイ</t>
    </rPh>
    <rPh sb="97" eb="98">
      <t>カ</t>
    </rPh>
    <phoneticPr fontId="1"/>
  </si>
  <si>
    <t>離れて暮らすご家族様の様子を毎日メールでお知らせする製品です。
・月々のお支払いは0円！買切りの製品です。
・冷蔵庫の扉や、トイレのドアにつけた開閉センサーの反応を記録して毎日メールでお知らせしてくれます。
・直近24時間に、センサーが一度も反応しなかった場合もメールでお知らせします。
・コールボタンによる緊急呼出や、徘徊感知ができます。
・電池交換の必要ない小型無線センサー【アーミン】で見守るから、簡単に取付けて、長くご利用いただけます。</t>
    <rPh sb="0" eb="1">
      <t>ハナ</t>
    </rPh>
    <rPh sb="3" eb="4">
      <t>ク</t>
    </rPh>
    <rPh sb="7" eb="9">
      <t>カゾク</t>
    </rPh>
    <rPh sb="9" eb="10">
      <t>サマ</t>
    </rPh>
    <rPh sb="11" eb="13">
      <t>ヨウス</t>
    </rPh>
    <rPh sb="14" eb="16">
      <t>マイニチ</t>
    </rPh>
    <rPh sb="21" eb="22">
      <t>シ</t>
    </rPh>
    <rPh sb="26" eb="28">
      <t>セイヒン</t>
    </rPh>
    <rPh sb="33" eb="35">
      <t>ツキヅキ</t>
    </rPh>
    <rPh sb="37" eb="39">
      <t>シハラ</t>
    </rPh>
    <rPh sb="42" eb="43">
      <t>エン</t>
    </rPh>
    <rPh sb="44" eb="46">
      <t>カイキ</t>
    </rPh>
    <rPh sb="48" eb="50">
      <t>セイヒン</t>
    </rPh>
    <rPh sb="55" eb="58">
      <t>レイゾウコ</t>
    </rPh>
    <rPh sb="59" eb="60">
      <t>トビラ</t>
    </rPh>
    <rPh sb="72" eb="74">
      <t>カイヘイ</t>
    </rPh>
    <rPh sb="79" eb="81">
      <t>ハンノウ</t>
    </rPh>
    <rPh sb="82" eb="84">
      <t>キロク</t>
    </rPh>
    <rPh sb="86" eb="88">
      <t>マイニチ</t>
    </rPh>
    <rPh sb="93" eb="94">
      <t>シ</t>
    </rPh>
    <rPh sb="105" eb="107">
      <t>チョッキン</t>
    </rPh>
    <rPh sb="109" eb="111">
      <t>ジカン</t>
    </rPh>
    <rPh sb="118" eb="120">
      <t>イチド</t>
    </rPh>
    <rPh sb="121" eb="123">
      <t>ハンノウ</t>
    </rPh>
    <rPh sb="128" eb="130">
      <t>バアイ</t>
    </rPh>
    <rPh sb="136" eb="137">
      <t>シ</t>
    </rPh>
    <rPh sb="154" eb="156">
      <t>キンキュウ</t>
    </rPh>
    <rPh sb="156" eb="158">
      <t>ヨビダ</t>
    </rPh>
    <rPh sb="160" eb="162">
      <t>ハイカイ</t>
    </rPh>
    <rPh sb="162" eb="164">
      <t>カンチ</t>
    </rPh>
    <rPh sb="172" eb="174">
      <t>デンチ</t>
    </rPh>
    <rPh sb="174" eb="176">
      <t>コウカン</t>
    </rPh>
    <rPh sb="177" eb="179">
      <t>ヒツヨウ</t>
    </rPh>
    <rPh sb="181" eb="183">
      <t>コガタ</t>
    </rPh>
    <rPh sb="183" eb="185">
      <t>ムセン</t>
    </rPh>
    <rPh sb="196" eb="198">
      <t>ミマモ</t>
    </rPh>
    <rPh sb="202" eb="204">
      <t>カンタン</t>
    </rPh>
    <rPh sb="205" eb="207">
      <t>トリツ</t>
    </rPh>
    <rPh sb="210" eb="211">
      <t>ナガ</t>
    </rPh>
    <rPh sb="213" eb="215">
      <t>リヨウ</t>
    </rPh>
    <phoneticPr fontId="1"/>
  </si>
  <si>
    <t>一人暮らし高齢者安否確認システム</t>
    <rPh sb="0" eb="2">
      <t>ヒトリ</t>
    </rPh>
    <rPh sb="2" eb="3">
      <t>ク</t>
    </rPh>
    <rPh sb="5" eb="8">
      <t>コウレイシャ</t>
    </rPh>
    <rPh sb="8" eb="10">
      <t>アンピ</t>
    </rPh>
    <rPh sb="10" eb="12">
      <t>カクニン</t>
    </rPh>
    <phoneticPr fontId="1"/>
  </si>
  <si>
    <t>トイレや寝室、冷蔵庫などに設置した安否確認センサーが長時間にわたって反応しない場合に、ご家庭の電話回線を一時使用してご家族の方の携帯電話などへ自動的に警告アナウンスを流します。安否確認センサーは無線式ですので、工事無しでご家族の方で簡単に設置できます。緊急通報の際は既設の電話回線を使いますので、別途月々の通信費、管理費用は不要です。異常時の通報先電話番号は最大5箇所まで登録できます。</t>
    <rPh sb="4" eb="6">
      <t>シンシツ</t>
    </rPh>
    <rPh sb="7" eb="10">
      <t>レイゾウコ</t>
    </rPh>
    <rPh sb="13" eb="15">
      <t>セッチ</t>
    </rPh>
    <rPh sb="17" eb="19">
      <t>アンピ</t>
    </rPh>
    <rPh sb="19" eb="21">
      <t>カクニン</t>
    </rPh>
    <rPh sb="26" eb="29">
      <t>チョウジカン</t>
    </rPh>
    <rPh sb="34" eb="36">
      <t>ハンノウ</t>
    </rPh>
    <rPh sb="39" eb="41">
      <t>バアイ</t>
    </rPh>
    <rPh sb="44" eb="46">
      <t>カテイ</t>
    </rPh>
    <rPh sb="47" eb="49">
      <t>デンワ</t>
    </rPh>
    <rPh sb="49" eb="51">
      <t>カイセン</t>
    </rPh>
    <rPh sb="52" eb="54">
      <t>イチジ</t>
    </rPh>
    <rPh sb="54" eb="56">
      <t>シヨウ</t>
    </rPh>
    <rPh sb="59" eb="61">
      <t>カゾク</t>
    </rPh>
    <rPh sb="62" eb="63">
      <t>カタ</t>
    </rPh>
    <rPh sb="64" eb="66">
      <t>ケイタイ</t>
    </rPh>
    <rPh sb="66" eb="68">
      <t>デンワ</t>
    </rPh>
    <rPh sb="71" eb="74">
      <t>ジドウテキ</t>
    </rPh>
    <rPh sb="75" eb="77">
      <t>ケイコク</t>
    </rPh>
    <rPh sb="83" eb="84">
      <t>ナガ</t>
    </rPh>
    <rPh sb="88" eb="90">
      <t>アンピ</t>
    </rPh>
    <rPh sb="90" eb="92">
      <t>カクニン</t>
    </rPh>
    <rPh sb="97" eb="99">
      <t>ムセン</t>
    </rPh>
    <rPh sb="99" eb="100">
      <t>シキ</t>
    </rPh>
    <rPh sb="105" eb="107">
      <t>コウジ</t>
    </rPh>
    <rPh sb="107" eb="108">
      <t>ナシ</t>
    </rPh>
    <rPh sb="111" eb="113">
      <t>カゾク</t>
    </rPh>
    <rPh sb="114" eb="115">
      <t>カタ</t>
    </rPh>
    <rPh sb="116" eb="118">
      <t>カンタン</t>
    </rPh>
    <rPh sb="119" eb="121">
      <t>セッチ</t>
    </rPh>
    <rPh sb="126" eb="128">
      <t>キンキュウ</t>
    </rPh>
    <rPh sb="128" eb="130">
      <t>ツウホウ</t>
    </rPh>
    <rPh sb="131" eb="132">
      <t>サイ</t>
    </rPh>
    <rPh sb="133" eb="135">
      <t>キセツ</t>
    </rPh>
    <rPh sb="136" eb="138">
      <t>デンワ</t>
    </rPh>
    <rPh sb="138" eb="140">
      <t>カイセン</t>
    </rPh>
    <rPh sb="141" eb="142">
      <t>ツカ</t>
    </rPh>
    <rPh sb="148" eb="150">
      <t>ベット</t>
    </rPh>
    <rPh sb="150" eb="152">
      <t>ツキヅキ</t>
    </rPh>
    <rPh sb="153" eb="156">
      <t>ツウシンヒ</t>
    </rPh>
    <rPh sb="157" eb="159">
      <t>カンリ</t>
    </rPh>
    <rPh sb="159" eb="161">
      <t>ヒヨウ</t>
    </rPh>
    <rPh sb="162" eb="164">
      <t>フヨウ</t>
    </rPh>
    <rPh sb="167" eb="169">
      <t>イジョウ</t>
    </rPh>
    <rPh sb="169" eb="170">
      <t>ジ</t>
    </rPh>
    <rPh sb="171" eb="173">
      <t>ツウホウ</t>
    </rPh>
    <rPh sb="173" eb="174">
      <t>サキ</t>
    </rPh>
    <rPh sb="174" eb="176">
      <t>デンワ</t>
    </rPh>
    <rPh sb="176" eb="178">
      <t>バンゴウ</t>
    </rPh>
    <rPh sb="179" eb="181">
      <t>サイダイ</t>
    </rPh>
    <rPh sb="182" eb="184">
      <t>カショ</t>
    </rPh>
    <rPh sb="186" eb="188">
      <t>トウロク</t>
    </rPh>
    <phoneticPr fontId="1"/>
  </si>
  <si>
    <t>警備員による非常時の「駆けつけサービス」と、ハンズフリーによる「健康相談サービス」、持病やかかりつけの病院をあらかじめ登録できる「救急情報登録」の３つを基本サービスとし、もしものときの「駆けつけ」からちょっとした体調に関する「相談」まで、ご家族のみなさんの安心をお約束いたします。ご要望により火災やガス漏れの監視、ライフリズム監視等もご用意しております。</t>
    <rPh sb="0" eb="3">
      <t>ケイビイン</t>
    </rPh>
    <rPh sb="6" eb="8">
      <t>ヒジョウ</t>
    </rPh>
    <rPh sb="8" eb="9">
      <t>ジ</t>
    </rPh>
    <rPh sb="11" eb="12">
      <t>カ</t>
    </rPh>
    <rPh sb="32" eb="34">
      <t>ケンコウ</t>
    </rPh>
    <rPh sb="34" eb="36">
      <t>ソウダン</t>
    </rPh>
    <rPh sb="42" eb="44">
      <t>ジビョウ</t>
    </rPh>
    <rPh sb="51" eb="53">
      <t>ビョウイン</t>
    </rPh>
    <rPh sb="59" eb="61">
      <t>トウロク</t>
    </rPh>
    <rPh sb="65" eb="67">
      <t>キュウキュウ</t>
    </rPh>
    <rPh sb="67" eb="69">
      <t>ジョウホウ</t>
    </rPh>
    <rPh sb="69" eb="71">
      <t>トウロク</t>
    </rPh>
    <rPh sb="76" eb="78">
      <t>キホン</t>
    </rPh>
    <rPh sb="93" eb="94">
      <t>カ</t>
    </rPh>
    <rPh sb="106" eb="108">
      <t>タイチョウ</t>
    </rPh>
    <rPh sb="109" eb="110">
      <t>カン</t>
    </rPh>
    <rPh sb="113" eb="115">
      <t>ソウダン</t>
    </rPh>
    <rPh sb="120" eb="122">
      <t>カゾク</t>
    </rPh>
    <rPh sb="128" eb="130">
      <t>アンシン</t>
    </rPh>
    <rPh sb="132" eb="134">
      <t>ヤクソク</t>
    </rPh>
    <rPh sb="141" eb="143">
      <t>ヨウボウ</t>
    </rPh>
    <rPh sb="146" eb="148">
      <t>カサイ</t>
    </rPh>
    <rPh sb="151" eb="152">
      <t>モ</t>
    </rPh>
    <rPh sb="154" eb="156">
      <t>カンシ</t>
    </rPh>
    <rPh sb="163" eb="165">
      <t>カンシ</t>
    </rPh>
    <rPh sb="165" eb="166">
      <t>トウ</t>
    </rPh>
    <rPh sb="168" eb="170">
      <t>ヨウイ</t>
    </rPh>
    <phoneticPr fontId="1"/>
  </si>
  <si>
    <t>リングアンドリンク株式会社</t>
    <rPh sb="9" eb="13">
      <t>カブシキガイシャ</t>
    </rPh>
    <phoneticPr fontId="1"/>
  </si>
  <si>
    <t>ご高齢者や要介護者のお宅に工事不要のカメラを設置することにより離れて暮らすご家族や働きながら介護されている方々は、スマホやタブレット等で「24時間」「365日」何時でもリアルタイムで様子を確認することが出来ます。1週間の過去画像保管付きで情報セキュリティーも弊社が管理いたしますので安心です。例えば確認時に転倒していた場合、電話1本で過去画像の迅速な対応が可能です。また、居宅介護・見守り介護などスタッフとの連携にも活用できます。</t>
    <rPh sb="1" eb="3">
      <t>コウレイ</t>
    </rPh>
    <rPh sb="3" eb="4">
      <t>シャ</t>
    </rPh>
    <rPh sb="5" eb="6">
      <t>ヨウ</t>
    </rPh>
    <rPh sb="6" eb="9">
      <t>カイゴシャ</t>
    </rPh>
    <rPh sb="11" eb="12">
      <t>タク</t>
    </rPh>
    <rPh sb="13" eb="15">
      <t>コウジ</t>
    </rPh>
    <rPh sb="15" eb="17">
      <t>フヨウ</t>
    </rPh>
    <rPh sb="22" eb="24">
      <t>セッチ</t>
    </rPh>
    <rPh sb="31" eb="32">
      <t>ハナ</t>
    </rPh>
    <rPh sb="34" eb="35">
      <t>ク</t>
    </rPh>
    <rPh sb="38" eb="40">
      <t>カゾク</t>
    </rPh>
    <rPh sb="41" eb="42">
      <t>ハタラ</t>
    </rPh>
    <rPh sb="46" eb="48">
      <t>カイゴ</t>
    </rPh>
    <rPh sb="53" eb="55">
      <t>カタガタ</t>
    </rPh>
    <rPh sb="66" eb="67">
      <t>トウ</t>
    </rPh>
    <rPh sb="71" eb="73">
      <t>ジカン</t>
    </rPh>
    <rPh sb="78" eb="79">
      <t>ニチ</t>
    </rPh>
    <rPh sb="80" eb="82">
      <t>ナンジ</t>
    </rPh>
    <rPh sb="91" eb="93">
      <t>ヨウス</t>
    </rPh>
    <rPh sb="94" eb="96">
      <t>カクニン</t>
    </rPh>
    <rPh sb="101" eb="103">
      <t>デキ</t>
    </rPh>
    <rPh sb="107" eb="109">
      <t>シュウカン</t>
    </rPh>
    <rPh sb="110" eb="112">
      <t>カコ</t>
    </rPh>
    <rPh sb="112" eb="114">
      <t>ガゾウ</t>
    </rPh>
    <rPh sb="114" eb="116">
      <t>ホカン</t>
    </rPh>
    <rPh sb="116" eb="117">
      <t>ツ</t>
    </rPh>
    <rPh sb="119" eb="121">
      <t>ジョウホウ</t>
    </rPh>
    <rPh sb="129" eb="131">
      <t>ヘイシャ</t>
    </rPh>
    <rPh sb="132" eb="134">
      <t>カンリ</t>
    </rPh>
    <rPh sb="141" eb="143">
      <t>アンシン</t>
    </rPh>
    <rPh sb="146" eb="147">
      <t>タト</t>
    </rPh>
    <rPh sb="149" eb="151">
      <t>カクニン</t>
    </rPh>
    <rPh sb="151" eb="152">
      <t>ジ</t>
    </rPh>
    <rPh sb="153" eb="155">
      <t>テントウ</t>
    </rPh>
    <rPh sb="159" eb="161">
      <t>バアイ</t>
    </rPh>
    <rPh sb="162" eb="164">
      <t>デンワ</t>
    </rPh>
    <rPh sb="165" eb="166">
      <t>ポン</t>
    </rPh>
    <rPh sb="167" eb="169">
      <t>カコ</t>
    </rPh>
    <rPh sb="169" eb="171">
      <t>ガゾウ</t>
    </rPh>
    <rPh sb="172" eb="174">
      <t>ジンソク</t>
    </rPh>
    <rPh sb="175" eb="177">
      <t>タイオウ</t>
    </rPh>
    <rPh sb="178" eb="180">
      <t>カノウ</t>
    </rPh>
    <rPh sb="186" eb="188">
      <t>キョタク</t>
    </rPh>
    <rPh sb="188" eb="190">
      <t>カイゴ</t>
    </rPh>
    <rPh sb="191" eb="193">
      <t>ミマモ</t>
    </rPh>
    <rPh sb="194" eb="196">
      <t>カイゴ</t>
    </rPh>
    <rPh sb="204" eb="206">
      <t>レンケイ</t>
    </rPh>
    <rPh sb="208" eb="210">
      <t>カツヨウ</t>
    </rPh>
    <phoneticPr fontId="1"/>
  </si>
  <si>
    <t>SANフラワー見守りサービス（認知症老人徘徊感知システム）</t>
    <rPh sb="7" eb="9">
      <t>ミマモ</t>
    </rPh>
    <rPh sb="15" eb="18">
      <t>ニンチショウ</t>
    </rPh>
    <rPh sb="18" eb="20">
      <t>ロウジン</t>
    </rPh>
    <rPh sb="20" eb="22">
      <t>ハイカイ</t>
    </rPh>
    <rPh sb="22" eb="24">
      <t>カンチ</t>
    </rPh>
    <phoneticPr fontId="1"/>
  </si>
  <si>
    <t>「ifまもるⓇ」君を高齢者の生活の中心となる場所（居間等）に設置することにより、人感センサーは１時間に１回人の動きをチェックし、動きがあると離れて暮らす登録者（家族等）やコールセンターにメールで知らせます。高齢者は何もしなくても24時間365日見守られます。人感センサーが反応すれば、高齢者が元気で暮らしていることが分かり、逆に反応がなければ、何か異変があったのではないかと推測することができます。このことにより１日以内の高齢者の異変の早期発見が可能になり、孤独死予防ができます。高齢者と家族に安心・安全を提供し、地域住民のみまもり活動の負担を軽減することができます。</t>
    <rPh sb="8" eb="9">
      <t>クン</t>
    </rPh>
    <rPh sb="10" eb="13">
      <t>コウレイシャ</t>
    </rPh>
    <rPh sb="14" eb="16">
      <t>セイカツ</t>
    </rPh>
    <rPh sb="17" eb="19">
      <t>チュウシン</t>
    </rPh>
    <rPh sb="22" eb="24">
      <t>バショ</t>
    </rPh>
    <rPh sb="25" eb="27">
      <t>イマ</t>
    </rPh>
    <rPh sb="27" eb="28">
      <t>トウ</t>
    </rPh>
    <rPh sb="30" eb="32">
      <t>セッチ</t>
    </rPh>
    <rPh sb="40" eb="42">
      <t>ジンカン</t>
    </rPh>
    <rPh sb="48" eb="50">
      <t>ジカン</t>
    </rPh>
    <rPh sb="52" eb="53">
      <t>カイ</t>
    </rPh>
    <rPh sb="53" eb="54">
      <t>ヒト</t>
    </rPh>
    <rPh sb="55" eb="56">
      <t>ウゴ</t>
    </rPh>
    <rPh sb="64" eb="65">
      <t>ウゴ</t>
    </rPh>
    <rPh sb="70" eb="71">
      <t>ハナ</t>
    </rPh>
    <rPh sb="73" eb="74">
      <t>ク</t>
    </rPh>
    <rPh sb="76" eb="79">
      <t>トウロクシャ</t>
    </rPh>
    <rPh sb="80" eb="82">
      <t>カゾク</t>
    </rPh>
    <rPh sb="82" eb="83">
      <t>トウ</t>
    </rPh>
    <rPh sb="97" eb="98">
      <t>シ</t>
    </rPh>
    <rPh sb="103" eb="106">
      <t>コウレイシャ</t>
    </rPh>
    <rPh sb="107" eb="108">
      <t>ナニ</t>
    </rPh>
    <rPh sb="116" eb="118">
      <t>ジカン</t>
    </rPh>
    <rPh sb="121" eb="122">
      <t>ヒ</t>
    </rPh>
    <rPh sb="122" eb="124">
      <t>ミマモ</t>
    </rPh>
    <rPh sb="129" eb="131">
      <t>ジンカン</t>
    </rPh>
    <rPh sb="136" eb="138">
      <t>ハンノウ</t>
    </rPh>
    <rPh sb="142" eb="145">
      <t>コウレイシャ</t>
    </rPh>
    <rPh sb="146" eb="148">
      <t>ゲンキ</t>
    </rPh>
    <rPh sb="149" eb="150">
      <t>ク</t>
    </rPh>
    <rPh sb="158" eb="159">
      <t>ワ</t>
    </rPh>
    <rPh sb="162" eb="163">
      <t>ギャク</t>
    </rPh>
    <rPh sb="164" eb="166">
      <t>ハンノウ</t>
    </rPh>
    <rPh sb="172" eb="173">
      <t>ナニ</t>
    </rPh>
    <rPh sb="174" eb="176">
      <t>イヘン</t>
    </rPh>
    <rPh sb="187" eb="189">
      <t>スイソク</t>
    </rPh>
    <rPh sb="207" eb="208">
      <t>ヒ</t>
    </rPh>
    <rPh sb="208" eb="210">
      <t>イナイ</t>
    </rPh>
    <rPh sb="211" eb="214">
      <t>コウレイシャ</t>
    </rPh>
    <rPh sb="215" eb="217">
      <t>イヘン</t>
    </rPh>
    <rPh sb="218" eb="220">
      <t>ソウキ</t>
    </rPh>
    <rPh sb="220" eb="222">
      <t>ハッケン</t>
    </rPh>
    <rPh sb="223" eb="225">
      <t>カノウ</t>
    </rPh>
    <rPh sb="229" eb="231">
      <t>コドク</t>
    </rPh>
    <rPh sb="231" eb="232">
      <t>シ</t>
    </rPh>
    <rPh sb="232" eb="234">
      <t>ヨボウ</t>
    </rPh>
    <rPh sb="240" eb="243">
      <t>コウレイシャ</t>
    </rPh>
    <rPh sb="244" eb="246">
      <t>カゾク</t>
    </rPh>
    <rPh sb="247" eb="249">
      <t>アンシン</t>
    </rPh>
    <rPh sb="250" eb="252">
      <t>アンゼン</t>
    </rPh>
    <rPh sb="253" eb="255">
      <t>テイキョウ</t>
    </rPh>
    <rPh sb="257" eb="259">
      <t>チイキ</t>
    </rPh>
    <rPh sb="259" eb="261">
      <t>ジュウミン</t>
    </rPh>
    <rPh sb="266" eb="268">
      <t>カツドウ</t>
    </rPh>
    <rPh sb="269" eb="271">
      <t>フタン</t>
    </rPh>
    <rPh sb="272" eb="274">
      <t>ケイゲン</t>
    </rPh>
    <phoneticPr fontId="1"/>
  </si>
  <si>
    <t>053-440-7708</t>
    <phoneticPr fontId="1"/>
  </si>
  <si>
    <t>IoTとクラウドの高機能見守りサービス。センサーとクラウドの学習機能で、双方に負担の少ないプライバシーに優しい見守りです。普段の様子はスマホで簡単に確認。もしもの時は、電話音声やメールでお知らせします。熱中症対策にエアコンもスマホから操作可能。（設置にはWiFi環境が必要です。無ければご相談ください。）</t>
    <rPh sb="9" eb="12">
      <t>コウキノウ</t>
    </rPh>
    <rPh sb="12" eb="14">
      <t>ミマモ</t>
    </rPh>
    <rPh sb="30" eb="32">
      <t>ガクシュウ</t>
    </rPh>
    <rPh sb="32" eb="34">
      <t>キノウ</t>
    </rPh>
    <rPh sb="36" eb="38">
      <t>ソウホウ</t>
    </rPh>
    <rPh sb="39" eb="41">
      <t>フタン</t>
    </rPh>
    <rPh sb="42" eb="43">
      <t>スク</t>
    </rPh>
    <rPh sb="52" eb="53">
      <t>ヤサ</t>
    </rPh>
    <rPh sb="55" eb="57">
      <t>ミマモ</t>
    </rPh>
    <rPh sb="61" eb="63">
      <t>フダン</t>
    </rPh>
    <rPh sb="64" eb="66">
      <t>ヨウス</t>
    </rPh>
    <rPh sb="71" eb="73">
      <t>カンタン</t>
    </rPh>
    <rPh sb="74" eb="76">
      <t>カクニン</t>
    </rPh>
    <rPh sb="81" eb="82">
      <t>トキ</t>
    </rPh>
    <rPh sb="84" eb="86">
      <t>デンワ</t>
    </rPh>
    <rPh sb="86" eb="88">
      <t>オンセイ</t>
    </rPh>
    <rPh sb="94" eb="95">
      <t>シ</t>
    </rPh>
    <rPh sb="101" eb="103">
      <t>ネッチュウ</t>
    </rPh>
    <rPh sb="103" eb="104">
      <t>ショウ</t>
    </rPh>
    <rPh sb="104" eb="106">
      <t>タイサク</t>
    </rPh>
    <rPh sb="117" eb="119">
      <t>ソウサ</t>
    </rPh>
    <rPh sb="119" eb="121">
      <t>カノウ</t>
    </rPh>
    <rPh sb="123" eb="125">
      <t>セッチ</t>
    </rPh>
    <rPh sb="131" eb="133">
      <t>カンキョウ</t>
    </rPh>
    <rPh sb="134" eb="136">
      <t>ヒツヨウ</t>
    </rPh>
    <rPh sb="139" eb="140">
      <t>ナ</t>
    </rPh>
    <rPh sb="144" eb="146">
      <t>ソウダン</t>
    </rPh>
    <phoneticPr fontId="1"/>
  </si>
  <si>
    <t>介護者のワークバランス・ライフバランスを考えた介護用『見守ろう』</t>
    <rPh sb="0" eb="3">
      <t>カイゴシャ</t>
    </rPh>
    <rPh sb="20" eb="21">
      <t>カンガ</t>
    </rPh>
    <rPh sb="23" eb="26">
      <t>カイゴヨウ</t>
    </rPh>
    <rPh sb="27" eb="29">
      <t>ミマモ</t>
    </rPh>
    <phoneticPr fontId="1"/>
  </si>
  <si>
    <t>みまもりほっとラインサービス</t>
    <phoneticPr fontId="1"/>
  </si>
  <si>
    <t>IoTネットミル見守りサービス</t>
    <rPh sb="8" eb="10">
      <t>ミマモ</t>
    </rPh>
    <phoneticPr fontId="1"/>
  </si>
  <si>
    <t>03-3894-2621</t>
    <phoneticPr fontId="1"/>
  </si>
  <si>
    <t>http://www.tokyu-security.co.jp/ps/senior/</t>
    <phoneticPr fontId="1"/>
  </si>
  <si>
    <t>ご自宅内でペンダントを握ると警備員が駆けつける「緊急通報サービス」、ご自宅内で一定時間動きがない時に警備員が駆けつける「安否確認サービス」、通話料無料で健康相談（24時間年中無休）や医師紹介を行う「健康相談サービス」、日常のお困り事の相談窓口となる「生活支援サービス」全てを合わせたフルプランや、「緊急通報サービス」のみのシンプルプランをご提供しております。ご自宅で安心してお過ごしいただくための必需品です。ご家族様へ緊急事態をメールでお知らせするサービスもご用意しております。
※サービスの提供エリアには限りがございます。</t>
    <rPh sb="1" eb="3">
      <t>ジタク</t>
    </rPh>
    <rPh sb="3" eb="4">
      <t>ナイ</t>
    </rPh>
    <rPh sb="11" eb="12">
      <t>ニギ</t>
    </rPh>
    <rPh sb="14" eb="17">
      <t>ケイビイン</t>
    </rPh>
    <rPh sb="18" eb="19">
      <t>カ</t>
    </rPh>
    <rPh sb="24" eb="26">
      <t>キンキュウ</t>
    </rPh>
    <rPh sb="26" eb="28">
      <t>ツウホウ</t>
    </rPh>
    <rPh sb="35" eb="37">
      <t>ジタク</t>
    </rPh>
    <rPh sb="37" eb="38">
      <t>ナイ</t>
    </rPh>
    <rPh sb="39" eb="41">
      <t>イッテイ</t>
    </rPh>
    <rPh sb="41" eb="43">
      <t>ジカン</t>
    </rPh>
    <rPh sb="43" eb="44">
      <t>ウゴ</t>
    </rPh>
    <rPh sb="48" eb="49">
      <t>トキ</t>
    </rPh>
    <rPh sb="50" eb="53">
      <t>ケイビイン</t>
    </rPh>
    <rPh sb="54" eb="55">
      <t>カ</t>
    </rPh>
    <rPh sb="60" eb="62">
      <t>アンピ</t>
    </rPh>
    <rPh sb="62" eb="64">
      <t>カクニン</t>
    </rPh>
    <rPh sb="70" eb="73">
      <t>ツウワリョウ</t>
    </rPh>
    <rPh sb="73" eb="75">
      <t>ムリョウ</t>
    </rPh>
    <rPh sb="76" eb="78">
      <t>ケンコウ</t>
    </rPh>
    <rPh sb="78" eb="80">
      <t>ソウダン</t>
    </rPh>
    <rPh sb="83" eb="85">
      <t>ジカン</t>
    </rPh>
    <rPh sb="85" eb="87">
      <t>ネンジュウ</t>
    </rPh>
    <rPh sb="87" eb="89">
      <t>ムキュウ</t>
    </rPh>
    <rPh sb="91" eb="93">
      <t>イシ</t>
    </rPh>
    <rPh sb="93" eb="95">
      <t>ショウカイ</t>
    </rPh>
    <rPh sb="96" eb="97">
      <t>オコナ</t>
    </rPh>
    <rPh sb="99" eb="101">
      <t>ケンコウ</t>
    </rPh>
    <rPh sb="101" eb="103">
      <t>ソウダン</t>
    </rPh>
    <rPh sb="109" eb="111">
      <t>ニチジョウ</t>
    </rPh>
    <rPh sb="113" eb="114">
      <t>コマ</t>
    </rPh>
    <rPh sb="115" eb="116">
      <t>ゴト</t>
    </rPh>
    <rPh sb="117" eb="119">
      <t>ソウダン</t>
    </rPh>
    <rPh sb="119" eb="120">
      <t>マド</t>
    </rPh>
    <rPh sb="120" eb="121">
      <t>クチ</t>
    </rPh>
    <rPh sb="125" eb="127">
      <t>セイカツ</t>
    </rPh>
    <rPh sb="127" eb="129">
      <t>シエン</t>
    </rPh>
    <rPh sb="134" eb="135">
      <t>スベ</t>
    </rPh>
    <rPh sb="137" eb="138">
      <t>ア</t>
    </rPh>
    <rPh sb="149" eb="151">
      <t>キンキュウ</t>
    </rPh>
    <rPh sb="151" eb="153">
      <t>ツウホウ</t>
    </rPh>
    <rPh sb="170" eb="172">
      <t>テイキョウ</t>
    </rPh>
    <rPh sb="180" eb="182">
      <t>ジタク</t>
    </rPh>
    <rPh sb="183" eb="185">
      <t>アンシン</t>
    </rPh>
    <rPh sb="188" eb="189">
      <t>ス</t>
    </rPh>
    <rPh sb="198" eb="201">
      <t>ヒツジュヒン</t>
    </rPh>
    <rPh sb="205" eb="207">
      <t>カゾク</t>
    </rPh>
    <rPh sb="207" eb="208">
      <t>サマ</t>
    </rPh>
    <rPh sb="209" eb="211">
      <t>キンキュウ</t>
    </rPh>
    <rPh sb="211" eb="213">
      <t>ジタイ</t>
    </rPh>
    <rPh sb="219" eb="220">
      <t>シ</t>
    </rPh>
    <rPh sb="230" eb="232">
      <t>ヨウイ</t>
    </rPh>
    <rPh sb="246" eb="248">
      <t>テイキョウ</t>
    </rPh>
    <rPh sb="253" eb="254">
      <t>カギ</t>
    </rPh>
    <phoneticPr fontId="1"/>
  </si>
  <si>
    <t>見守り介護ロボット「ケアロボ」</t>
    <rPh sb="0" eb="2">
      <t>ミマモ</t>
    </rPh>
    <rPh sb="3" eb="5">
      <t>カイゴ</t>
    </rPh>
    <phoneticPr fontId="1"/>
  </si>
  <si>
    <t>http://www.technosjapan.jp/product/tascal/#anchor01</t>
    <phoneticPr fontId="1"/>
  </si>
  <si>
    <t>つながりプラスは、一人暮らしの高齢者を持つご家族が気になる情報をお届けする、会話に特化した見守りサービスです。
■専属の担当コミュニケーターと信頼関係を構築
担当者プロフィール、サービスの手引きに加え、親御様にご記入いただく「自己紹介シート」と「お話し興味リスト」が届きます。ノウハウが詰まった信頼関係構築のためのプロセスです。
■いつも同じ担当者が定期的にお電話
お互いを知った上で、同じ担当者がお電話するので、ご家族には話しにくい悩みや体調なども安心して気軽に話せます。
■お話したことを、その都度「聞き書きレポート」としてお届け
電話でお話したことをすべて語り口調で書き起こし、ご家族にメールするので、親御さんの暮らしぶりがわかります。</t>
    <rPh sb="9" eb="11">
      <t>ヒトリ</t>
    </rPh>
    <rPh sb="11" eb="12">
      <t>グ</t>
    </rPh>
    <rPh sb="15" eb="18">
      <t>コウレイシャ</t>
    </rPh>
    <rPh sb="19" eb="20">
      <t>モ</t>
    </rPh>
    <rPh sb="22" eb="24">
      <t>カゾク</t>
    </rPh>
    <rPh sb="25" eb="26">
      <t>キ</t>
    </rPh>
    <rPh sb="29" eb="31">
      <t>ジョウホウ</t>
    </rPh>
    <rPh sb="33" eb="34">
      <t>トド</t>
    </rPh>
    <rPh sb="38" eb="40">
      <t>カイワ</t>
    </rPh>
    <rPh sb="41" eb="43">
      <t>トッカ</t>
    </rPh>
    <rPh sb="45" eb="47">
      <t>ミマモ</t>
    </rPh>
    <rPh sb="57" eb="59">
      <t>センゾク</t>
    </rPh>
    <rPh sb="60" eb="62">
      <t>タントウ</t>
    </rPh>
    <rPh sb="71" eb="73">
      <t>シンライ</t>
    </rPh>
    <rPh sb="73" eb="75">
      <t>カンケイ</t>
    </rPh>
    <rPh sb="76" eb="78">
      <t>コウチク</t>
    </rPh>
    <rPh sb="79" eb="82">
      <t>タントウシャ</t>
    </rPh>
    <rPh sb="94" eb="96">
      <t>テビ</t>
    </rPh>
    <rPh sb="98" eb="99">
      <t>クワ</t>
    </rPh>
    <rPh sb="101" eb="104">
      <t>オヤゴサマ</t>
    </rPh>
    <rPh sb="106" eb="108">
      <t>キニュウ</t>
    </rPh>
    <rPh sb="113" eb="115">
      <t>ジコ</t>
    </rPh>
    <rPh sb="115" eb="117">
      <t>ショウカイ</t>
    </rPh>
    <rPh sb="124" eb="125">
      <t>ハナ</t>
    </rPh>
    <rPh sb="126" eb="128">
      <t>キョウミ</t>
    </rPh>
    <rPh sb="133" eb="134">
      <t>トド</t>
    </rPh>
    <rPh sb="143" eb="144">
      <t>ツ</t>
    </rPh>
    <rPh sb="147" eb="149">
      <t>シンライ</t>
    </rPh>
    <rPh sb="149" eb="151">
      <t>カンケイ</t>
    </rPh>
    <rPh sb="151" eb="153">
      <t>コウチク</t>
    </rPh>
    <rPh sb="169" eb="170">
      <t>オナ</t>
    </rPh>
    <rPh sb="171" eb="174">
      <t>タントウシャ</t>
    </rPh>
    <rPh sb="175" eb="178">
      <t>テイキテキ</t>
    </rPh>
    <rPh sb="180" eb="182">
      <t>デンワ</t>
    </rPh>
    <rPh sb="184" eb="185">
      <t>タガ</t>
    </rPh>
    <rPh sb="187" eb="188">
      <t>シ</t>
    </rPh>
    <rPh sb="190" eb="191">
      <t>ウエ</t>
    </rPh>
    <rPh sb="193" eb="194">
      <t>オナ</t>
    </rPh>
    <rPh sb="195" eb="198">
      <t>タントウシャ</t>
    </rPh>
    <rPh sb="200" eb="202">
      <t>デンワ</t>
    </rPh>
    <rPh sb="208" eb="210">
      <t>カゾク</t>
    </rPh>
    <rPh sb="212" eb="213">
      <t>ハナシ</t>
    </rPh>
    <rPh sb="217" eb="218">
      <t>ナヤ</t>
    </rPh>
    <rPh sb="220" eb="222">
      <t>タイチョウ</t>
    </rPh>
    <rPh sb="225" eb="227">
      <t>アンシン</t>
    </rPh>
    <rPh sb="229" eb="231">
      <t>キガル</t>
    </rPh>
    <rPh sb="232" eb="233">
      <t>ハナ</t>
    </rPh>
    <rPh sb="240" eb="241">
      <t>ハナ</t>
    </rPh>
    <rPh sb="249" eb="251">
      <t>ツド</t>
    </rPh>
    <rPh sb="252" eb="253">
      <t>キ</t>
    </rPh>
    <rPh sb="254" eb="255">
      <t>カ</t>
    </rPh>
    <rPh sb="265" eb="266">
      <t>トド</t>
    </rPh>
    <rPh sb="268" eb="270">
      <t>デンワ</t>
    </rPh>
    <rPh sb="272" eb="273">
      <t>ハナ</t>
    </rPh>
    <rPh sb="281" eb="282">
      <t>カタ</t>
    </rPh>
    <rPh sb="283" eb="285">
      <t>クチョウ</t>
    </rPh>
    <rPh sb="286" eb="287">
      <t>カ</t>
    </rPh>
    <rPh sb="288" eb="289">
      <t>オ</t>
    </rPh>
    <rPh sb="293" eb="295">
      <t>カゾク</t>
    </rPh>
    <rPh sb="304" eb="306">
      <t>オヤゴ</t>
    </rPh>
    <rPh sb="309" eb="310">
      <t>ク</t>
    </rPh>
    <phoneticPr fontId="1"/>
  </si>
  <si>
    <t>アットシグナル株式会社</t>
    <rPh sb="7" eb="11">
      <t>カブシキガイシャ</t>
    </rPh>
    <phoneticPr fontId="1"/>
  </si>
  <si>
    <t>http://www.portal.kizuna-one.jp</t>
    <phoneticPr fontId="1"/>
  </si>
  <si>
    <t>一人暮らしの高齢者の生活を24時間365日見守るサービスです。離れて暮らすご家族は、スマートフォンやパソコン等からいつでもご様子を見る事が出来ます（海外からも可能）。また、一定時間反応がない時や緊急ボタンが押された時は、コールセンターから安否確認を差し上げます。また、ご家族にもメールとお電話でお伝えします。インターネットが無いお宅でも付属のルータで手続きなしでご利用頂けます。（一切工事不要）</t>
    <rPh sb="0" eb="2">
      <t>ヒトリ</t>
    </rPh>
    <rPh sb="2" eb="3">
      <t>グ</t>
    </rPh>
    <rPh sb="6" eb="9">
      <t>コウレイシャ</t>
    </rPh>
    <rPh sb="10" eb="12">
      <t>セイカツ</t>
    </rPh>
    <rPh sb="15" eb="17">
      <t>ジカン</t>
    </rPh>
    <rPh sb="20" eb="21">
      <t>ニチ</t>
    </rPh>
    <rPh sb="21" eb="23">
      <t>ミマモ</t>
    </rPh>
    <rPh sb="31" eb="32">
      <t>ハナ</t>
    </rPh>
    <rPh sb="34" eb="35">
      <t>ク</t>
    </rPh>
    <rPh sb="38" eb="40">
      <t>カゾク</t>
    </rPh>
    <rPh sb="54" eb="55">
      <t>トウ</t>
    </rPh>
    <rPh sb="62" eb="64">
      <t>ヨウス</t>
    </rPh>
    <rPh sb="65" eb="66">
      <t>ミ</t>
    </rPh>
    <rPh sb="67" eb="68">
      <t>コト</t>
    </rPh>
    <rPh sb="69" eb="71">
      <t>デキ</t>
    </rPh>
    <rPh sb="74" eb="76">
      <t>カイガイ</t>
    </rPh>
    <rPh sb="79" eb="81">
      <t>カノウ</t>
    </rPh>
    <rPh sb="86" eb="88">
      <t>イッテイ</t>
    </rPh>
    <rPh sb="88" eb="90">
      <t>ジカン</t>
    </rPh>
    <rPh sb="90" eb="92">
      <t>ハンノウ</t>
    </rPh>
    <rPh sb="95" eb="96">
      <t>トキ</t>
    </rPh>
    <rPh sb="97" eb="99">
      <t>キンキュウ</t>
    </rPh>
    <rPh sb="103" eb="104">
      <t>オ</t>
    </rPh>
    <rPh sb="107" eb="108">
      <t>トキ</t>
    </rPh>
    <rPh sb="119" eb="121">
      <t>アンピ</t>
    </rPh>
    <rPh sb="121" eb="123">
      <t>カクニン</t>
    </rPh>
    <rPh sb="124" eb="125">
      <t>サ</t>
    </rPh>
    <rPh sb="126" eb="127">
      <t>ア</t>
    </rPh>
    <rPh sb="135" eb="137">
      <t>カゾク</t>
    </rPh>
    <rPh sb="144" eb="146">
      <t>デンワ</t>
    </rPh>
    <rPh sb="148" eb="149">
      <t>ツタ</t>
    </rPh>
    <rPh sb="162" eb="163">
      <t>ナ</t>
    </rPh>
    <rPh sb="165" eb="166">
      <t>タク</t>
    </rPh>
    <rPh sb="168" eb="170">
      <t>フゾク</t>
    </rPh>
    <rPh sb="175" eb="177">
      <t>テツヅ</t>
    </rPh>
    <rPh sb="182" eb="184">
      <t>リヨウ</t>
    </rPh>
    <rPh sb="184" eb="185">
      <t>イタダ</t>
    </rPh>
    <rPh sb="190" eb="192">
      <t>イッサイ</t>
    </rPh>
    <rPh sb="192" eb="194">
      <t>コウジ</t>
    </rPh>
    <rPh sb="194" eb="196">
      <t>フヨウ</t>
    </rPh>
    <phoneticPr fontId="1"/>
  </si>
  <si>
    <t>ご自宅内で緊急ペンダントを押したときや、一定時間動きがないときに警備員が駆けつけるサービスと無料電話健康相談サービスが基本で、火災の監視も追加できます。また、鍵をお預かりしますので、ご家族などの依頼でご自宅を訪問することや、旅行・入院などの留守中の郵便物の取込みも別途、有料で可能です。そのほか、水まわりのトラブルや電球交換・家具移動などに対応する会員制度もありますので、高齢者のみのご家庭には便利です。</t>
    <rPh sb="1" eb="3">
      <t>ジタク</t>
    </rPh>
    <rPh sb="3" eb="4">
      <t>ナイ</t>
    </rPh>
    <rPh sb="5" eb="7">
      <t>キンキュウ</t>
    </rPh>
    <rPh sb="13" eb="14">
      <t>オ</t>
    </rPh>
    <rPh sb="20" eb="22">
      <t>イッテイ</t>
    </rPh>
    <rPh sb="22" eb="24">
      <t>ジカン</t>
    </rPh>
    <rPh sb="24" eb="25">
      <t>ウゴ</t>
    </rPh>
    <rPh sb="32" eb="35">
      <t>ケイビイン</t>
    </rPh>
    <rPh sb="36" eb="37">
      <t>カ</t>
    </rPh>
    <rPh sb="46" eb="48">
      <t>ムリョウ</t>
    </rPh>
    <rPh sb="48" eb="50">
      <t>デンワ</t>
    </rPh>
    <rPh sb="50" eb="52">
      <t>ケンコウ</t>
    </rPh>
    <rPh sb="52" eb="54">
      <t>ソウダン</t>
    </rPh>
    <rPh sb="59" eb="61">
      <t>キホン</t>
    </rPh>
    <rPh sb="63" eb="65">
      <t>カサイ</t>
    </rPh>
    <rPh sb="66" eb="68">
      <t>カンシ</t>
    </rPh>
    <rPh sb="69" eb="71">
      <t>ツイカ</t>
    </rPh>
    <rPh sb="79" eb="80">
      <t>カギ</t>
    </rPh>
    <rPh sb="82" eb="83">
      <t>アズ</t>
    </rPh>
    <rPh sb="92" eb="94">
      <t>カゾク</t>
    </rPh>
    <rPh sb="97" eb="99">
      <t>イライ</t>
    </rPh>
    <rPh sb="101" eb="103">
      <t>ジタク</t>
    </rPh>
    <rPh sb="104" eb="106">
      <t>ホウモン</t>
    </rPh>
    <rPh sb="112" eb="114">
      <t>リョコウ</t>
    </rPh>
    <rPh sb="115" eb="117">
      <t>ニュウイン</t>
    </rPh>
    <rPh sb="120" eb="123">
      <t>ルスチュウ</t>
    </rPh>
    <rPh sb="124" eb="127">
      <t>ユウビンブツ</t>
    </rPh>
    <rPh sb="128" eb="130">
      <t>トリコ</t>
    </rPh>
    <rPh sb="132" eb="134">
      <t>ベット</t>
    </rPh>
    <rPh sb="135" eb="137">
      <t>ユウリョウ</t>
    </rPh>
    <rPh sb="138" eb="140">
      <t>カノウ</t>
    </rPh>
    <rPh sb="148" eb="149">
      <t>ミズ</t>
    </rPh>
    <rPh sb="158" eb="160">
      <t>デンキュウ</t>
    </rPh>
    <rPh sb="160" eb="162">
      <t>コウカン</t>
    </rPh>
    <rPh sb="163" eb="165">
      <t>カグ</t>
    </rPh>
    <rPh sb="165" eb="167">
      <t>イドウ</t>
    </rPh>
    <rPh sb="170" eb="172">
      <t>タイオウ</t>
    </rPh>
    <rPh sb="174" eb="176">
      <t>カイイン</t>
    </rPh>
    <rPh sb="176" eb="178">
      <t>セイド</t>
    </rPh>
    <rPh sb="186" eb="189">
      <t>コウレイシャ</t>
    </rPh>
    <rPh sb="193" eb="195">
      <t>カテイ</t>
    </rPh>
    <rPh sb="197" eb="199">
      <t>ベンリ</t>
    </rPh>
    <phoneticPr fontId="1"/>
  </si>
  <si>
    <t>03-3484-1300</t>
    <phoneticPr fontId="1"/>
  </si>
  <si>
    <t>見守りシステム「親子のドアシル」</t>
    <rPh sb="0" eb="2">
      <t>ミマモ</t>
    </rPh>
    <rPh sb="8" eb="10">
      <t>オヤコ</t>
    </rPh>
    <phoneticPr fontId="1"/>
  </si>
  <si>
    <t>みまもりステーション</t>
    <phoneticPr fontId="1"/>
  </si>
  <si>
    <t>http://mimamorinow.com</t>
    <phoneticPr fontId="1"/>
  </si>
  <si>
    <t>「みまもりたい」は高齢者の方や障害者の方、要介護者の方の日常生活をスタッフが直接カメラで見守るサービスです。日常の様子や万が一のＳＯＳに迅速に対応します。
万が一の際は関係所轄に即時連絡し出動要請をします。
迅速な対応時間で、ご利用者様とその家族に安心をお届けいたします。センサーに頼らない、弊社独自の見守りサービス「みまもりたい」をぜひご活用ください。</t>
    <rPh sb="9" eb="12">
      <t>コウレイシャ</t>
    </rPh>
    <rPh sb="13" eb="14">
      <t>カタ</t>
    </rPh>
    <rPh sb="15" eb="18">
      <t>ショウガイシャ</t>
    </rPh>
    <rPh sb="19" eb="20">
      <t>カタ</t>
    </rPh>
    <rPh sb="21" eb="22">
      <t>ヨウ</t>
    </rPh>
    <rPh sb="22" eb="25">
      <t>カイゴシャ</t>
    </rPh>
    <rPh sb="26" eb="27">
      <t>カタ</t>
    </rPh>
    <rPh sb="28" eb="30">
      <t>ニチジョウ</t>
    </rPh>
    <rPh sb="30" eb="32">
      <t>セイカツ</t>
    </rPh>
    <rPh sb="38" eb="40">
      <t>チョクセツ</t>
    </rPh>
    <rPh sb="44" eb="46">
      <t>ミマモ</t>
    </rPh>
    <rPh sb="54" eb="56">
      <t>ニチジョウ</t>
    </rPh>
    <rPh sb="57" eb="59">
      <t>ヨウス</t>
    </rPh>
    <rPh sb="60" eb="61">
      <t>マン</t>
    </rPh>
    <rPh sb="62" eb="63">
      <t>イチ</t>
    </rPh>
    <rPh sb="68" eb="70">
      <t>ジンソク</t>
    </rPh>
    <rPh sb="71" eb="73">
      <t>タイオウ</t>
    </rPh>
    <rPh sb="78" eb="79">
      <t>マン</t>
    </rPh>
    <rPh sb="80" eb="81">
      <t>イチ</t>
    </rPh>
    <rPh sb="82" eb="83">
      <t>サイ</t>
    </rPh>
    <rPh sb="84" eb="86">
      <t>カンケイ</t>
    </rPh>
    <rPh sb="86" eb="88">
      <t>ショカツ</t>
    </rPh>
    <rPh sb="89" eb="91">
      <t>ソクジ</t>
    </rPh>
    <rPh sb="91" eb="93">
      <t>レンラク</t>
    </rPh>
    <rPh sb="94" eb="96">
      <t>シュツドウ</t>
    </rPh>
    <rPh sb="96" eb="98">
      <t>ヨウセイ</t>
    </rPh>
    <rPh sb="104" eb="106">
      <t>ジンソク</t>
    </rPh>
    <rPh sb="107" eb="109">
      <t>タイオウ</t>
    </rPh>
    <rPh sb="109" eb="111">
      <t>ジカン</t>
    </rPh>
    <rPh sb="114" eb="117">
      <t>リヨウシャ</t>
    </rPh>
    <rPh sb="117" eb="118">
      <t>サマ</t>
    </rPh>
    <rPh sb="121" eb="123">
      <t>カゾク</t>
    </rPh>
    <rPh sb="124" eb="126">
      <t>アンシン</t>
    </rPh>
    <rPh sb="128" eb="129">
      <t>トド</t>
    </rPh>
    <rPh sb="141" eb="142">
      <t>タヨ</t>
    </rPh>
    <rPh sb="146" eb="148">
      <t>ヘイシャ</t>
    </rPh>
    <rPh sb="148" eb="150">
      <t>ドクジ</t>
    </rPh>
    <rPh sb="151" eb="153">
      <t>ミマモ</t>
    </rPh>
    <rPh sb="170" eb="172">
      <t>カツヨウ</t>
    </rPh>
    <phoneticPr fontId="1"/>
  </si>
  <si>
    <t>http://www.mimamori24.com/</t>
    <phoneticPr fontId="1"/>
  </si>
  <si>
    <t>インターネット不要、電源ONで直ぐに使えます。パソコンやスマートフォンで温湿度や照度、人の動きを数分単位で確認できます。その生活環境やリズムの変化、呼出ボタンによる異常時は登録先へメールで通知します。また、本体センサーと連動した玄関ドア・トイレ・洗面所・ベッド等に各無線のセンサーを設置することで幅広い見守りが可能になります。他、伝言メッセージ、緊急地震速報・防災情報・Jアラートを受信します。</t>
    <rPh sb="7" eb="9">
      <t>フヨウ</t>
    </rPh>
    <rPh sb="10" eb="12">
      <t>デンゲン</t>
    </rPh>
    <rPh sb="15" eb="16">
      <t>ス</t>
    </rPh>
    <rPh sb="18" eb="19">
      <t>ツカ</t>
    </rPh>
    <rPh sb="36" eb="39">
      <t>オンシツド</t>
    </rPh>
    <rPh sb="40" eb="42">
      <t>ショウド</t>
    </rPh>
    <rPh sb="43" eb="44">
      <t>ヒト</t>
    </rPh>
    <rPh sb="45" eb="46">
      <t>ウゴ</t>
    </rPh>
    <rPh sb="48" eb="50">
      <t>スウフン</t>
    </rPh>
    <rPh sb="50" eb="52">
      <t>タンイ</t>
    </rPh>
    <rPh sb="53" eb="55">
      <t>カクニン</t>
    </rPh>
    <rPh sb="62" eb="64">
      <t>セイカツ</t>
    </rPh>
    <rPh sb="64" eb="66">
      <t>カンキョウ</t>
    </rPh>
    <rPh sb="71" eb="73">
      <t>ヘンカ</t>
    </rPh>
    <rPh sb="74" eb="76">
      <t>ヨビダシ</t>
    </rPh>
    <rPh sb="82" eb="84">
      <t>イジョウ</t>
    </rPh>
    <rPh sb="84" eb="85">
      <t>ジ</t>
    </rPh>
    <rPh sb="86" eb="88">
      <t>トウロク</t>
    </rPh>
    <rPh sb="88" eb="89">
      <t>サキ</t>
    </rPh>
    <rPh sb="94" eb="96">
      <t>ツウチ</t>
    </rPh>
    <rPh sb="103" eb="105">
      <t>ホンタイ</t>
    </rPh>
    <rPh sb="110" eb="112">
      <t>レンドウ</t>
    </rPh>
    <rPh sb="114" eb="116">
      <t>ゲンカン</t>
    </rPh>
    <rPh sb="123" eb="125">
      <t>センメン</t>
    </rPh>
    <rPh sb="125" eb="126">
      <t>ジョ</t>
    </rPh>
    <rPh sb="130" eb="131">
      <t>ナド</t>
    </rPh>
    <rPh sb="132" eb="133">
      <t>カク</t>
    </rPh>
    <rPh sb="133" eb="135">
      <t>ムセン</t>
    </rPh>
    <rPh sb="141" eb="143">
      <t>セッチ</t>
    </rPh>
    <rPh sb="148" eb="149">
      <t>ハバ</t>
    </rPh>
    <rPh sb="149" eb="150">
      <t>ヒロ</t>
    </rPh>
    <rPh sb="151" eb="153">
      <t>ミマモ</t>
    </rPh>
    <rPh sb="155" eb="157">
      <t>カノウ</t>
    </rPh>
    <rPh sb="163" eb="164">
      <t>ホカ</t>
    </rPh>
    <rPh sb="165" eb="167">
      <t>デンゴン</t>
    </rPh>
    <rPh sb="173" eb="175">
      <t>キンキュウ</t>
    </rPh>
    <rPh sb="175" eb="177">
      <t>ジシン</t>
    </rPh>
    <rPh sb="177" eb="179">
      <t>ソクホウ</t>
    </rPh>
    <rPh sb="180" eb="182">
      <t>ボウサイ</t>
    </rPh>
    <rPh sb="182" eb="184">
      <t>ジョウホウ</t>
    </rPh>
    <rPh sb="191" eb="193">
      <t>ジュシン</t>
    </rPh>
    <phoneticPr fontId="1"/>
  </si>
  <si>
    <t>みまもりサービス</t>
    <phoneticPr fontId="1"/>
  </si>
  <si>
    <t>042-707-0035</t>
    <phoneticPr fontId="1"/>
  </si>
  <si>
    <t>みまもりサービスは、離れて暮らす一人暮らしの高齢者を、人感センサーで見守り、非常時の緊急通知や安否確認等、異常事態をメールで通知するサービスです。
◎みまもりサービスの主な機能
・一定時間センサーが人の動きを感知しない時に安否確認をメールで通知
・高齢者が非常ボタンを押すと警告音が鳴り同時にメールで通知
・安否確認・非常呼出のメールは登録しているご家族等に発信
・電話回線やインターネット回線は不要
・内臓している通信機器の電波が届くエリアなら全国どこでも利用可能
・コンセントに繋ぐだけの簡単設置
・高齢者に負担のかからない楽々操作
高齢者と見守るご家族に、実際の操作感や使い勝手・機能性を体験頂けるよう、無料でお試し頂けます。</t>
    <rPh sb="10" eb="11">
      <t>ハナ</t>
    </rPh>
    <rPh sb="13" eb="14">
      <t>ク</t>
    </rPh>
    <rPh sb="16" eb="18">
      <t>ヒトリ</t>
    </rPh>
    <rPh sb="18" eb="19">
      <t>グ</t>
    </rPh>
    <rPh sb="22" eb="25">
      <t>コウレイシャ</t>
    </rPh>
    <rPh sb="27" eb="29">
      <t>ジンカン</t>
    </rPh>
    <rPh sb="34" eb="36">
      <t>ミマモ</t>
    </rPh>
    <rPh sb="38" eb="40">
      <t>ヒジョウ</t>
    </rPh>
    <rPh sb="40" eb="41">
      <t>ジ</t>
    </rPh>
    <rPh sb="42" eb="44">
      <t>キンキュウ</t>
    </rPh>
    <rPh sb="44" eb="46">
      <t>ツウチ</t>
    </rPh>
    <rPh sb="47" eb="49">
      <t>アンピ</t>
    </rPh>
    <rPh sb="49" eb="51">
      <t>カクニン</t>
    </rPh>
    <rPh sb="51" eb="52">
      <t>トウ</t>
    </rPh>
    <rPh sb="53" eb="55">
      <t>イジョウ</t>
    </rPh>
    <rPh sb="55" eb="57">
      <t>ジタイ</t>
    </rPh>
    <rPh sb="62" eb="64">
      <t>ツウチ</t>
    </rPh>
    <rPh sb="84" eb="85">
      <t>オモ</t>
    </rPh>
    <rPh sb="86" eb="88">
      <t>キノウ</t>
    </rPh>
    <rPh sb="90" eb="92">
      <t>イッテイ</t>
    </rPh>
    <rPh sb="92" eb="94">
      <t>ジカン</t>
    </rPh>
    <rPh sb="99" eb="100">
      <t>ヒト</t>
    </rPh>
    <rPh sb="101" eb="102">
      <t>ウゴ</t>
    </rPh>
    <rPh sb="104" eb="106">
      <t>カンチ</t>
    </rPh>
    <rPh sb="109" eb="110">
      <t>トキ</t>
    </rPh>
    <rPh sb="111" eb="113">
      <t>アンピ</t>
    </rPh>
    <rPh sb="113" eb="115">
      <t>カクニン</t>
    </rPh>
    <rPh sb="120" eb="122">
      <t>ツウチ</t>
    </rPh>
    <rPh sb="124" eb="127">
      <t>コウレイシャ</t>
    </rPh>
    <rPh sb="128" eb="130">
      <t>ヒジョウ</t>
    </rPh>
    <rPh sb="134" eb="135">
      <t>オ</t>
    </rPh>
    <rPh sb="137" eb="140">
      <t>ケイコクオン</t>
    </rPh>
    <rPh sb="141" eb="142">
      <t>ナ</t>
    </rPh>
    <rPh sb="143" eb="145">
      <t>ドウジ</t>
    </rPh>
    <rPh sb="150" eb="152">
      <t>ツウチ</t>
    </rPh>
    <rPh sb="154" eb="156">
      <t>アンピ</t>
    </rPh>
    <rPh sb="156" eb="158">
      <t>カクニン</t>
    </rPh>
    <rPh sb="159" eb="161">
      <t>ヒジョウ</t>
    </rPh>
    <rPh sb="161" eb="163">
      <t>ヨビダシ</t>
    </rPh>
    <rPh sb="168" eb="170">
      <t>トウロク</t>
    </rPh>
    <rPh sb="175" eb="177">
      <t>カゾク</t>
    </rPh>
    <rPh sb="177" eb="178">
      <t>トウ</t>
    </rPh>
    <rPh sb="179" eb="181">
      <t>ハッシン</t>
    </rPh>
    <rPh sb="183" eb="185">
      <t>デンワ</t>
    </rPh>
    <rPh sb="185" eb="187">
      <t>カイセン</t>
    </rPh>
    <rPh sb="195" eb="197">
      <t>カイセン</t>
    </rPh>
    <rPh sb="198" eb="200">
      <t>フヨウ</t>
    </rPh>
    <rPh sb="202" eb="204">
      <t>ナイゾウ</t>
    </rPh>
    <rPh sb="208" eb="210">
      <t>ツウシン</t>
    </rPh>
    <rPh sb="210" eb="212">
      <t>キキ</t>
    </rPh>
    <rPh sb="213" eb="215">
      <t>デンパ</t>
    </rPh>
    <rPh sb="216" eb="217">
      <t>トド</t>
    </rPh>
    <rPh sb="223" eb="225">
      <t>ゼンコク</t>
    </rPh>
    <rPh sb="229" eb="231">
      <t>リヨウ</t>
    </rPh>
    <rPh sb="231" eb="233">
      <t>カノウ</t>
    </rPh>
    <rPh sb="241" eb="242">
      <t>ツナ</t>
    </rPh>
    <rPh sb="246" eb="248">
      <t>カンタン</t>
    </rPh>
    <rPh sb="248" eb="250">
      <t>セッチ</t>
    </rPh>
    <rPh sb="252" eb="255">
      <t>コウレイシャ</t>
    </rPh>
    <rPh sb="256" eb="258">
      <t>フタン</t>
    </rPh>
    <rPh sb="264" eb="266">
      <t>ラクラク</t>
    </rPh>
    <rPh sb="266" eb="268">
      <t>ソウサ</t>
    </rPh>
    <rPh sb="269" eb="272">
      <t>コウレイシャ</t>
    </rPh>
    <rPh sb="273" eb="275">
      <t>ミマモ</t>
    </rPh>
    <rPh sb="277" eb="279">
      <t>カゾク</t>
    </rPh>
    <rPh sb="281" eb="283">
      <t>ジッサイ</t>
    </rPh>
    <rPh sb="284" eb="287">
      <t>ソウサカン</t>
    </rPh>
    <rPh sb="288" eb="289">
      <t>ツカ</t>
    </rPh>
    <rPh sb="290" eb="292">
      <t>ガッテ</t>
    </rPh>
    <rPh sb="293" eb="296">
      <t>キノウセイ</t>
    </rPh>
    <rPh sb="297" eb="299">
      <t>タイケン</t>
    </rPh>
    <rPh sb="299" eb="300">
      <t>イタダ</t>
    </rPh>
    <rPh sb="305" eb="307">
      <t>ムリョウ</t>
    </rPh>
    <rPh sb="309" eb="310">
      <t>タメ</t>
    </rPh>
    <rPh sb="311" eb="312">
      <t>イタダ</t>
    </rPh>
    <phoneticPr fontId="1"/>
  </si>
  <si>
    <t>母親からメール「元気です」</t>
    <rPh sb="0" eb="2">
      <t>ハハオヤ</t>
    </rPh>
    <rPh sb="8" eb="10">
      <t>ゲンキ</t>
    </rPh>
    <phoneticPr fontId="1"/>
  </si>
  <si>
    <t>◆WIFIも電話回線も不要（ドコモ携帯機能を内蔵）
◆５年間の総経費が税込35,240円
◆５年間は無料保証
◆設置は簡単でコンセントに挿せば直ぐ作動
◆12時間活動が無い場合は緊急メール
◆毎日の睡眠時間と夜中のトイレ回数も分かる３日間の活動グラフをメールに添付
◆特許第6145907号（生活見守り装置）の技術
◆AMAZONでの販売数多数</t>
    <rPh sb="6" eb="8">
      <t>デンワ</t>
    </rPh>
    <rPh sb="8" eb="10">
      <t>カイセン</t>
    </rPh>
    <rPh sb="11" eb="13">
      <t>フヨウ</t>
    </rPh>
    <rPh sb="17" eb="19">
      <t>ケイタイ</t>
    </rPh>
    <rPh sb="19" eb="21">
      <t>キノウ</t>
    </rPh>
    <rPh sb="22" eb="24">
      <t>ナイゾウ</t>
    </rPh>
    <rPh sb="28" eb="30">
      <t>ネンカン</t>
    </rPh>
    <rPh sb="31" eb="34">
      <t>ソウケイヒ</t>
    </rPh>
    <rPh sb="35" eb="37">
      <t>ゼイコミ</t>
    </rPh>
    <rPh sb="43" eb="44">
      <t>エン</t>
    </rPh>
    <rPh sb="47" eb="49">
      <t>ネンカン</t>
    </rPh>
    <rPh sb="50" eb="52">
      <t>ムリョウ</t>
    </rPh>
    <rPh sb="52" eb="54">
      <t>ホショウ</t>
    </rPh>
    <rPh sb="56" eb="58">
      <t>セッチ</t>
    </rPh>
    <rPh sb="59" eb="61">
      <t>カンタン</t>
    </rPh>
    <rPh sb="68" eb="69">
      <t>サ</t>
    </rPh>
    <rPh sb="71" eb="72">
      <t>ス</t>
    </rPh>
    <rPh sb="73" eb="75">
      <t>サドウ</t>
    </rPh>
    <rPh sb="79" eb="81">
      <t>ジカン</t>
    </rPh>
    <rPh sb="81" eb="83">
      <t>カツドウ</t>
    </rPh>
    <rPh sb="84" eb="85">
      <t>ナ</t>
    </rPh>
    <rPh sb="86" eb="88">
      <t>バアイ</t>
    </rPh>
    <rPh sb="89" eb="91">
      <t>キンキュウ</t>
    </rPh>
    <rPh sb="96" eb="98">
      <t>マイニチ</t>
    </rPh>
    <rPh sb="99" eb="101">
      <t>スイミン</t>
    </rPh>
    <rPh sb="101" eb="103">
      <t>ジカン</t>
    </rPh>
    <rPh sb="104" eb="106">
      <t>ヨナカ</t>
    </rPh>
    <rPh sb="110" eb="112">
      <t>カイスウ</t>
    </rPh>
    <rPh sb="113" eb="114">
      <t>ワ</t>
    </rPh>
    <rPh sb="117" eb="118">
      <t>ニチ</t>
    </rPh>
    <rPh sb="118" eb="119">
      <t>カン</t>
    </rPh>
    <rPh sb="120" eb="122">
      <t>カツドウ</t>
    </rPh>
    <rPh sb="130" eb="132">
      <t>テンプ</t>
    </rPh>
    <rPh sb="134" eb="136">
      <t>トッキョ</t>
    </rPh>
    <rPh sb="136" eb="137">
      <t>ダイ</t>
    </rPh>
    <rPh sb="144" eb="145">
      <t>ゴウ</t>
    </rPh>
    <rPh sb="146" eb="148">
      <t>セイカツ</t>
    </rPh>
    <rPh sb="148" eb="150">
      <t>ミマモ</t>
    </rPh>
    <rPh sb="151" eb="153">
      <t>ソウチ</t>
    </rPh>
    <rPh sb="155" eb="157">
      <t>ギジュツ</t>
    </rPh>
    <rPh sb="167" eb="169">
      <t>ハンバイ</t>
    </rPh>
    <rPh sb="169" eb="170">
      <t>スウ</t>
    </rPh>
    <rPh sb="170" eb="172">
      <t>タスウ</t>
    </rPh>
    <phoneticPr fontId="1"/>
  </si>
  <si>
    <t>神奈川あんしんすまい保証制度</t>
    <rPh sb="0" eb="3">
      <t>カナガワ</t>
    </rPh>
    <rPh sb="10" eb="12">
      <t>ホショウ</t>
    </rPh>
    <rPh sb="12" eb="14">
      <t>セイド</t>
    </rPh>
    <phoneticPr fontId="1"/>
  </si>
  <si>
    <t>公益社団法人かながわ住まいまちづくり協会</t>
    <rPh sb="0" eb="2">
      <t>コウエキ</t>
    </rPh>
    <rPh sb="2" eb="4">
      <t>シャダン</t>
    </rPh>
    <rPh sb="4" eb="6">
      <t>ホウジン</t>
    </rPh>
    <rPh sb="10" eb="11">
      <t>ス</t>
    </rPh>
    <rPh sb="18" eb="20">
      <t>キョウカイ</t>
    </rPh>
    <phoneticPr fontId="1"/>
  </si>
  <si>
    <t>045-664-6896</t>
    <phoneticPr fontId="1"/>
  </si>
  <si>
    <t>賃貸住宅にお住いの高齢者等に対し、「見守り」と「葬儀の実施」、「残存家財の片づけ」をセットにした保証制度です。少額短期保険を活用した手厚いメニューから、サービス内容と保証内容を限定し、毎月の利用料がお手軽な『あんすまコンパクト』も用意しています。
さらに、日常の見守りだけを希望する入居者には、神奈川新聞の配達による見守りもご活用いただけます。</t>
    <phoneticPr fontId="1"/>
  </si>
  <si>
    <t>郵便局のみまもりサービス</t>
  </si>
  <si>
    <t>日本郵便株式会社</t>
  </si>
  <si>
    <t>http://www.post.japanpost.jp/life/mimamori/</t>
  </si>
  <si>
    <t>0120-23-28-86</t>
    <phoneticPr fontId="1"/>
  </si>
  <si>
    <t>https://kmiot.kmshimomura.com</t>
    <phoneticPr fontId="1"/>
  </si>
  <si>
    <t>0263-75-6983</t>
    <phoneticPr fontId="1"/>
  </si>
  <si>
    <t>ひとり暮らし宅の冷蔵後やトレイのドアに、センサーを設置して生活を見守るサービスです。また、従来の薬カレンダーにセンサーを付加させた弊社新製品「服薬ロボくん」は、患者の生活見守りと同時に残薬を減らすこともでき、服薬支援に繋がります。センサーの反応情報は、遠隔の弊社サーバーに蓄積されます。生活リズムが、日常の使用時間帯や回数とずれ始めると、家族やヘルパー、薬剤師など３名にメールが届きます。異常を通知するメールを受信したら、直接電話や訪問で安否伺いができます。何か事故など起こる前に未然に判断することができる安心サービスです。</t>
    <rPh sb="3" eb="4">
      <t>グ</t>
    </rPh>
    <rPh sb="6" eb="7">
      <t>タク</t>
    </rPh>
    <rPh sb="8" eb="10">
      <t>レイゾウ</t>
    </rPh>
    <rPh sb="10" eb="11">
      <t>ゴ</t>
    </rPh>
    <rPh sb="25" eb="27">
      <t>セッチ</t>
    </rPh>
    <rPh sb="29" eb="31">
      <t>セイカツ</t>
    </rPh>
    <rPh sb="32" eb="34">
      <t>ミマモ</t>
    </rPh>
    <rPh sb="45" eb="47">
      <t>ジュウライ</t>
    </rPh>
    <rPh sb="48" eb="49">
      <t>クスリ</t>
    </rPh>
    <rPh sb="60" eb="62">
      <t>フカ</t>
    </rPh>
    <rPh sb="65" eb="67">
      <t>ヘイシャ</t>
    </rPh>
    <rPh sb="67" eb="70">
      <t>シンセイヒン</t>
    </rPh>
    <rPh sb="71" eb="73">
      <t>フクヤク</t>
    </rPh>
    <rPh sb="80" eb="82">
      <t>カンジャ</t>
    </rPh>
    <rPh sb="83" eb="85">
      <t>セイカツ</t>
    </rPh>
    <rPh sb="85" eb="87">
      <t>ミマモ</t>
    </rPh>
    <rPh sb="89" eb="91">
      <t>ドウジ</t>
    </rPh>
    <rPh sb="92" eb="94">
      <t>ザンヤク</t>
    </rPh>
    <rPh sb="95" eb="96">
      <t>ヘ</t>
    </rPh>
    <rPh sb="104" eb="106">
      <t>フクヤク</t>
    </rPh>
    <rPh sb="106" eb="108">
      <t>シエン</t>
    </rPh>
    <rPh sb="109" eb="110">
      <t>ツナ</t>
    </rPh>
    <rPh sb="120" eb="122">
      <t>ハンノウ</t>
    </rPh>
    <rPh sb="122" eb="124">
      <t>ジョウホウ</t>
    </rPh>
    <rPh sb="126" eb="128">
      <t>エンカク</t>
    </rPh>
    <rPh sb="129" eb="131">
      <t>ヘイシャ</t>
    </rPh>
    <rPh sb="136" eb="138">
      <t>チクセキ</t>
    </rPh>
    <rPh sb="143" eb="145">
      <t>セイカツ</t>
    </rPh>
    <rPh sb="150" eb="152">
      <t>ニチジョウ</t>
    </rPh>
    <rPh sb="153" eb="155">
      <t>シヨウ</t>
    </rPh>
    <rPh sb="155" eb="157">
      <t>ジカン</t>
    </rPh>
    <rPh sb="157" eb="158">
      <t>タイ</t>
    </rPh>
    <rPh sb="159" eb="161">
      <t>カイスウ</t>
    </rPh>
    <rPh sb="164" eb="165">
      <t>ハジ</t>
    </rPh>
    <rPh sb="169" eb="171">
      <t>カゾク</t>
    </rPh>
    <rPh sb="177" eb="180">
      <t>ヤクザイシ</t>
    </rPh>
    <rPh sb="183" eb="184">
      <t>メイ</t>
    </rPh>
    <rPh sb="189" eb="190">
      <t>トド</t>
    </rPh>
    <rPh sb="194" eb="196">
      <t>イジョウ</t>
    </rPh>
    <rPh sb="197" eb="199">
      <t>ツウチ</t>
    </rPh>
    <rPh sb="205" eb="207">
      <t>ジュシン</t>
    </rPh>
    <rPh sb="211" eb="213">
      <t>チョクセツ</t>
    </rPh>
    <rPh sb="213" eb="215">
      <t>デンワ</t>
    </rPh>
    <rPh sb="216" eb="218">
      <t>ホウモン</t>
    </rPh>
    <rPh sb="219" eb="221">
      <t>アンピ</t>
    </rPh>
    <rPh sb="221" eb="222">
      <t>ウカガ</t>
    </rPh>
    <rPh sb="229" eb="230">
      <t>ナニ</t>
    </rPh>
    <rPh sb="231" eb="233">
      <t>ジコ</t>
    </rPh>
    <rPh sb="235" eb="236">
      <t>オ</t>
    </rPh>
    <rPh sb="238" eb="239">
      <t>マエ</t>
    </rPh>
    <rPh sb="240" eb="242">
      <t>ミゼン</t>
    </rPh>
    <rPh sb="243" eb="245">
      <t>ハンダン</t>
    </rPh>
    <rPh sb="253" eb="255">
      <t>アンシン</t>
    </rPh>
    <phoneticPr fontId="1"/>
  </si>
  <si>
    <t>カメラ型見守りサービス「みまもりたい」</t>
    <rPh sb="3" eb="4">
      <t>ガタ</t>
    </rPh>
    <rPh sb="4" eb="6">
      <t>ミマモ</t>
    </rPh>
    <phoneticPr fontId="1"/>
  </si>
  <si>
    <t>無線通信機を内蔵した「iポット」をお年寄りが使うと、その情報が１日２回、離れて暮らすご家族にＥメールでお知らせします。また、日々のポットの使用状況は専用ホームページのグラフで確認し生活リズムを知ることができます。ポットの設置工事不要。ポットが届いた日からご利用開始できます。携帯電話、スマホ、パソコンでいつでもどこでもさりげなく見守ることができます。</t>
    <rPh sb="0" eb="2">
      <t>ムセン</t>
    </rPh>
    <rPh sb="2" eb="5">
      <t>ツウシンキ</t>
    </rPh>
    <rPh sb="6" eb="8">
      <t>ナイゾウ</t>
    </rPh>
    <rPh sb="18" eb="20">
      <t>トシヨ</t>
    </rPh>
    <rPh sb="22" eb="23">
      <t>ツカ</t>
    </rPh>
    <rPh sb="28" eb="30">
      <t>ジョウホウ</t>
    </rPh>
    <rPh sb="32" eb="33">
      <t>ニチ</t>
    </rPh>
    <rPh sb="34" eb="35">
      <t>カイ</t>
    </rPh>
    <rPh sb="36" eb="37">
      <t>ハナ</t>
    </rPh>
    <rPh sb="39" eb="40">
      <t>ク</t>
    </rPh>
    <rPh sb="43" eb="45">
      <t>カゾク</t>
    </rPh>
    <rPh sb="52" eb="53">
      <t>シ</t>
    </rPh>
    <rPh sb="62" eb="64">
      <t>ヒビ</t>
    </rPh>
    <rPh sb="69" eb="71">
      <t>シヨウ</t>
    </rPh>
    <rPh sb="71" eb="73">
      <t>ジョウキョウ</t>
    </rPh>
    <rPh sb="74" eb="76">
      <t>センヨウ</t>
    </rPh>
    <rPh sb="87" eb="89">
      <t>カクニン</t>
    </rPh>
    <rPh sb="90" eb="92">
      <t>セイカツ</t>
    </rPh>
    <rPh sb="96" eb="97">
      <t>シ</t>
    </rPh>
    <rPh sb="110" eb="112">
      <t>セッチ</t>
    </rPh>
    <rPh sb="112" eb="114">
      <t>コウジ</t>
    </rPh>
    <rPh sb="114" eb="116">
      <t>フヨウ</t>
    </rPh>
    <rPh sb="121" eb="122">
      <t>トド</t>
    </rPh>
    <rPh sb="124" eb="125">
      <t>ヒ</t>
    </rPh>
    <rPh sb="128" eb="130">
      <t>リヨウ</t>
    </rPh>
    <rPh sb="130" eb="132">
      <t>カイシ</t>
    </rPh>
    <rPh sb="137" eb="139">
      <t>ケイタイ</t>
    </rPh>
    <rPh sb="139" eb="141">
      <t>デンワ</t>
    </rPh>
    <rPh sb="164" eb="166">
      <t>ミマモ</t>
    </rPh>
    <phoneticPr fontId="1"/>
  </si>
  <si>
    <t>http://www.ntt-tc.co.jp/tele_chan/</t>
    <phoneticPr fontId="1"/>
  </si>
  <si>
    <t>https://mirai-town.com/</t>
    <phoneticPr fontId="1"/>
  </si>
  <si>
    <t>【おせっかいステーションⓇ】
タブレット型端末のヘルスケア＆コミュニケーション支援ツールです。毎日の健康状態や生活状況の情報をご家族、医療・介護・福祉関係者等に自動的に情報配信します。テレビ電話や手書きメールなど、高齢者にもわかりやすいコミュニケーション機能も搭載しています。
【安否確認システム】
無線センサーで見守り、異変検知や生活反応、生活反応なし情報をメール通知するシステムです。
［即時通知］センサーによる異変の検知（ドアの開閉・人感センサー反応など）
［定時通知］一定時間毎の生活反応の検知履歴、反応なし通知
※利用料月額無料、電池交換不要、配線工事不要、単純明快な登録です。
誰もが安心で安楽な生活を送れるように支援するシステムです。</t>
    <rPh sb="20" eb="21">
      <t>カタ</t>
    </rPh>
    <rPh sb="21" eb="23">
      <t>タンマツ</t>
    </rPh>
    <rPh sb="39" eb="41">
      <t>シエン</t>
    </rPh>
    <rPh sb="47" eb="49">
      <t>マイニチ</t>
    </rPh>
    <rPh sb="50" eb="52">
      <t>ケンコウ</t>
    </rPh>
    <rPh sb="52" eb="54">
      <t>ジョウタイ</t>
    </rPh>
    <rPh sb="55" eb="57">
      <t>セイカツ</t>
    </rPh>
    <rPh sb="57" eb="59">
      <t>ジョウキョウ</t>
    </rPh>
    <rPh sb="60" eb="62">
      <t>ジョウホウ</t>
    </rPh>
    <rPh sb="64" eb="66">
      <t>カゾク</t>
    </rPh>
    <rPh sb="67" eb="69">
      <t>イリョウ</t>
    </rPh>
    <rPh sb="70" eb="72">
      <t>カイゴ</t>
    </rPh>
    <rPh sb="73" eb="75">
      <t>フクシ</t>
    </rPh>
    <rPh sb="75" eb="78">
      <t>カンケイシャ</t>
    </rPh>
    <rPh sb="78" eb="79">
      <t>トウ</t>
    </rPh>
    <rPh sb="80" eb="82">
      <t>ジドウ</t>
    </rPh>
    <rPh sb="82" eb="83">
      <t>テキ</t>
    </rPh>
    <rPh sb="84" eb="86">
      <t>ジョウホウ</t>
    </rPh>
    <rPh sb="86" eb="88">
      <t>ハイシン</t>
    </rPh>
    <rPh sb="95" eb="97">
      <t>デンワ</t>
    </rPh>
    <rPh sb="98" eb="100">
      <t>テガ</t>
    </rPh>
    <rPh sb="107" eb="110">
      <t>コウレイシャ</t>
    </rPh>
    <rPh sb="127" eb="129">
      <t>キノウ</t>
    </rPh>
    <rPh sb="130" eb="132">
      <t>トウサイ</t>
    </rPh>
    <rPh sb="140" eb="142">
      <t>アンピ</t>
    </rPh>
    <rPh sb="142" eb="144">
      <t>カクニン</t>
    </rPh>
    <rPh sb="150" eb="152">
      <t>ムセン</t>
    </rPh>
    <rPh sb="157" eb="159">
      <t>ミマモ</t>
    </rPh>
    <rPh sb="161" eb="163">
      <t>イヘン</t>
    </rPh>
    <rPh sb="163" eb="165">
      <t>ケンチ</t>
    </rPh>
    <rPh sb="166" eb="168">
      <t>セイカツ</t>
    </rPh>
    <rPh sb="168" eb="170">
      <t>ハンノウ</t>
    </rPh>
    <rPh sb="171" eb="173">
      <t>セイカツ</t>
    </rPh>
    <rPh sb="173" eb="175">
      <t>ハンノウ</t>
    </rPh>
    <rPh sb="177" eb="179">
      <t>ジョウホウ</t>
    </rPh>
    <rPh sb="183" eb="185">
      <t>ツウチ</t>
    </rPh>
    <rPh sb="196" eb="198">
      <t>ソクジ</t>
    </rPh>
    <rPh sb="198" eb="200">
      <t>ツウチ</t>
    </rPh>
    <rPh sb="208" eb="210">
      <t>イヘン</t>
    </rPh>
    <rPh sb="211" eb="213">
      <t>ケンチ</t>
    </rPh>
    <rPh sb="217" eb="219">
      <t>カイヘイ</t>
    </rPh>
    <rPh sb="220" eb="222">
      <t>ジンカン</t>
    </rPh>
    <rPh sb="226" eb="228">
      <t>ハンノウ</t>
    </rPh>
    <rPh sb="233" eb="235">
      <t>テイジ</t>
    </rPh>
    <rPh sb="235" eb="237">
      <t>ツウチ</t>
    </rPh>
    <rPh sb="238" eb="240">
      <t>イッテイ</t>
    </rPh>
    <rPh sb="240" eb="242">
      <t>ジカン</t>
    </rPh>
    <rPh sb="242" eb="243">
      <t>マイ</t>
    </rPh>
    <rPh sb="244" eb="246">
      <t>セイカツ</t>
    </rPh>
    <rPh sb="246" eb="248">
      <t>ハンノウ</t>
    </rPh>
    <rPh sb="249" eb="251">
      <t>ケンチ</t>
    </rPh>
    <rPh sb="251" eb="253">
      <t>リレキ</t>
    </rPh>
    <rPh sb="254" eb="256">
      <t>ハンノウ</t>
    </rPh>
    <rPh sb="258" eb="260">
      <t>ツウチ</t>
    </rPh>
    <rPh sb="262" eb="265">
      <t>リヨウリョウ</t>
    </rPh>
    <rPh sb="265" eb="267">
      <t>ゲツガク</t>
    </rPh>
    <rPh sb="267" eb="269">
      <t>ムリョウ</t>
    </rPh>
    <rPh sb="270" eb="272">
      <t>デンチ</t>
    </rPh>
    <rPh sb="272" eb="274">
      <t>コウカン</t>
    </rPh>
    <rPh sb="274" eb="276">
      <t>フヨウ</t>
    </rPh>
    <rPh sb="277" eb="279">
      <t>ハイセン</t>
    </rPh>
    <rPh sb="279" eb="281">
      <t>コウジ</t>
    </rPh>
    <rPh sb="281" eb="283">
      <t>フヨウ</t>
    </rPh>
    <rPh sb="284" eb="286">
      <t>タンジュン</t>
    </rPh>
    <rPh sb="286" eb="288">
      <t>メイカイ</t>
    </rPh>
    <rPh sb="289" eb="291">
      <t>トウロク</t>
    </rPh>
    <rPh sb="295" eb="296">
      <t>ダレ</t>
    </rPh>
    <rPh sb="298" eb="300">
      <t>アンシン</t>
    </rPh>
    <rPh sb="301" eb="303">
      <t>アンラク</t>
    </rPh>
    <rPh sb="304" eb="306">
      <t>セイカツ</t>
    </rPh>
    <rPh sb="307" eb="308">
      <t>オク</t>
    </rPh>
    <rPh sb="313" eb="315">
      <t>シエン</t>
    </rPh>
    <phoneticPr fontId="1"/>
  </si>
  <si>
    <t>life-watch</t>
    <phoneticPr fontId="1"/>
  </si>
  <si>
    <t>株式会社iBOT</t>
    <rPh sb="0" eb="4">
      <t>カブシキガイシャ</t>
    </rPh>
    <phoneticPr fontId="1"/>
  </si>
  <si>
    <t>http://ibot-net.com</t>
    <phoneticPr fontId="1"/>
  </si>
  <si>
    <t>050-3171-7618</t>
    <phoneticPr fontId="1"/>
  </si>
  <si>
    <t>「life-watch」は１人住まいの高齢者向け安否確認サービスです。
人感センサーと電力センサーを一人住まいの高齢者宅に設置して、お手元のスマホやタブレット、PCから生活状況を確認することが出来ます。設置は簡単、インターネット設備は不要でコンセントに繋げるだけで利用開始できます。異常時にメールで通知も出来ます。</t>
    <rPh sb="14" eb="15">
      <t>ヒト</t>
    </rPh>
    <rPh sb="15" eb="16">
      <t>ス</t>
    </rPh>
    <rPh sb="19" eb="22">
      <t>コウレイシャ</t>
    </rPh>
    <rPh sb="22" eb="23">
      <t>ム</t>
    </rPh>
    <rPh sb="24" eb="26">
      <t>アンピ</t>
    </rPh>
    <rPh sb="26" eb="28">
      <t>カクニン</t>
    </rPh>
    <phoneticPr fontId="1"/>
  </si>
  <si>
    <t>「あなたの安心™」見守り支援サービス</t>
    <rPh sb="5" eb="7">
      <t>アンシン</t>
    </rPh>
    <rPh sb="9" eb="11">
      <t>ミマモ</t>
    </rPh>
    <rPh sb="12" eb="14">
      <t>シエン</t>
    </rPh>
    <phoneticPr fontId="1"/>
  </si>
  <si>
    <t>株式会社コンテック</t>
    <rPh sb="0" eb="4">
      <t>カブシキガイシャ</t>
    </rPh>
    <phoneticPr fontId="1"/>
  </si>
  <si>
    <t>https://www.anatano-anshin.com/</t>
    <phoneticPr fontId="1"/>
  </si>
  <si>
    <t>050-3736-7861</t>
    <phoneticPr fontId="1"/>
  </si>
  <si>
    <t>「あなたの安心」は、普段お使いのスマートフォンで離れて暮らすご家族の生活を見守ることができる簡単・シンプルな見守り支援サービスです。専用機器を見守りたい方の住居に設置、検知した人の動き・温度・照度の変化をスマートフォン専用アプリからグラフなどで確認できます。また、設定した条件でメール通知やプッシュ通知が可能です。初期費用なし・機器込みで月々1280円（税込）というお手軽な価格を実現しています。ただいま７月の発売に向けて、先行予約キャンペーンを開催中。７月末までに先行予約いただいた方は12か月間月額980円（税込）でご利用いただけます。</t>
    <rPh sb="5" eb="7">
      <t>アンシン</t>
    </rPh>
    <rPh sb="10" eb="12">
      <t>フダン</t>
    </rPh>
    <rPh sb="13" eb="14">
      <t>ツカ</t>
    </rPh>
    <rPh sb="24" eb="25">
      <t>ハナ</t>
    </rPh>
    <rPh sb="27" eb="28">
      <t>ク</t>
    </rPh>
    <rPh sb="31" eb="33">
      <t>カゾク</t>
    </rPh>
    <rPh sb="34" eb="36">
      <t>セイカツ</t>
    </rPh>
    <rPh sb="37" eb="39">
      <t>ミマモ</t>
    </rPh>
    <rPh sb="46" eb="48">
      <t>カンタン</t>
    </rPh>
    <rPh sb="54" eb="56">
      <t>ミマモ</t>
    </rPh>
    <rPh sb="57" eb="59">
      <t>シエン</t>
    </rPh>
    <rPh sb="66" eb="68">
      <t>センヨウ</t>
    </rPh>
    <rPh sb="68" eb="70">
      <t>キキ</t>
    </rPh>
    <rPh sb="71" eb="73">
      <t>ミマモ</t>
    </rPh>
    <rPh sb="76" eb="77">
      <t>カタ</t>
    </rPh>
    <rPh sb="78" eb="80">
      <t>ジュウキョ</t>
    </rPh>
    <rPh sb="81" eb="83">
      <t>セッチ</t>
    </rPh>
    <rPh sb="84" eb="86">
      <t>ケンチ</t>
    </rPh>
    <rPh sb="88" eb="89">
      <t>ヒト</t>
    </rPh>
    <rPh sb="90" eb="91">
      <t>ウゴ</t>
    </rPh>
    <rPh sb="93" eb="95">
      <t>オンド</t>
    </rPh>
    <rPh sb="96" eb="98">
      <t>ショウド</t>
    </rPh>
    <rPh sb="99" eb="101">
      <t>ヘンカ</t>
    </rPh>
    <rPh sb="109" eb="111">
      <t>センヨウ</t>
    </rPh>
    <rPh sb="122" eb="124">
      <t>カクニン</t>
    </rPh>
    <rPh sb="132" eb="134">
      <t>セッテイ</t>
    </rPh>
    <rPh sb="136" eb="138">
      <t>ジョウケン</t>
    </rPh>
    <rPh sb="142" eb="144">
      <t>ツウチ</t>
    </rPh>
    <rPh sb="149" eb="151">
      <t>ツウチ</t>
    </rPh>
    <rPh sb="152" eb="154">
      <t>カノウ</t>
    </rPh>
    <rPh sb="157" eb="159">
      <t>ショキ</t>
    </rPh>
    <rPh sb="159" eb="161">
      <t>ヒヨウ</t>
    </rPh>
    <rPh sb="164" eb="166">
      <t>キキ</t>
    </rPh>
    <rPh sb="166" eb="167">
      <t>コ</t>
    </rPh>
    <rPh sb="169" eb="171">
      <t>ツキヅキ</t>
    </rPh>
    <rPh sb="175" eb="176">
      <t>エン</t>
    </rPh>
    <rPh sb="177" eb="179">
      <t>ゼイコ</t>
    </rPh>
    <rPh sb="184" eb="186">
      <t>テガル</t>
    </rPh>
    <rPh sb="187" eb="189">
      <t>カカク</t>
    </rPh>
    <rPh sb="190" eb="192">
      <t>ジツゲン</t>
    </rPh>
    <rPh sb="203" eb="204">
      <t>ツキ</t>
    </rPh>
    <rPh sb="205" eb="207">
      <t>ハツバイ</t>
    </rPh>
    <rPh sb="208" eb="209">
      <t>ム</t>
    </rPh>
    <rPh sb="212" eb="214">
      <t>センコウ</t>
    </rPh>
    <rPh sb="214" eb="216">
      <t>ヨヤク</t>
    </rPh>
    <rPh sb="223" eb="226">
      <t>カイサイチュウ</t>
    </rPh>
    <rPh sb="228" eb="229">
      <t>ツキ</t>
    </rPh>
    <rPh sb="229" eb="230">
      <t>マツ</t>
    </rPh>
    <rPh sb="233" eb="235">
      <t>センコウ</t>
    </rPh>
    <rPh sb="235" eb="237">
      <t>ヨヤク</t>
    </rPh>
    <rPh sb="242" eb="243">
      <t>カタ</t>
    </rPh>
    <rPh sb="247" eb="248">
      <t>ツキ</t>
    </rPh>
    <rPh sb="248" eb="249">
      <t>アイダ</t>
    </rPh>
    <rPh sb="249" eb="251">
      <t>ゲツガク</t>
    </rPh>
    <rPh sb="254" eb="255">
      <t>エン</t>
    </rPh>
    <rPh sb="256" eb="258">
      <t>ゼイコ</t>
    </rPh>
    <rPh sb="261" eb="263">
      <t>リヨウ</t>
    </rPh>
    <phoneticPr fontId="1"/>
  </si>
  <si>
    <t>みまもるん</t>
    <phoneticPr fontId="1"/>
  </si>
  <si>
    <t>株式会社リメン</t>
    <rPh sb="0" eb="4">
      <t>カブシキガイシャ</t>
    </rPh>
    <phoneticPr fontId="1"/>
  </si>
  <si>
    <t>080-4369-2312</t>
    <phoneticPr fontId="1"/>
  </si>
  <si>
    <t>もしもの時、ご家族やご友人にあなたの安否を伝えるiOS向け見守りアプリ「みまもるん」。長時間iphoneの位置や充電状態に変化がない場合や、バッテリ残量が１割を下回った場合に、緊急事態をご家族やご友人にメールでお知らせします。
サービス料：280円/月
今まで通りiphoneを使用するだけでよく、初期設定さえ行えば、日々の操作は不要です。</t>
    <rPh sb="4" eb="5">
      <t>トキ</t>
    </rPh>
    <rPh sb="7" eb="9">
      <t>カゾク</t>
    </rPh>
    <rPh sb="11" eb="13">
      <t>ユウジン</t>
    </rPh>
    <rPh sb="18" eb="20">
      <t>アンピ</t>
    </rPh>
    <rPh sb="21" eb="22">
      <t>ツタ</t>
    </rPh>
    <rPh sb="27" eb="28">
      <t>ム</t>
    </rPh>
    <rPh sb="29" eb="31">
      <t>ミマモ</t>
    </rPh>
    <rPh sb="43" eb="46">
      <t>チョウジカン</t>
    </rPh>
    <rPh sb="53" eb="55">
      <t>イチ</t>
    </rPh>
    <rPh sb="56" eb="58">
      <t>ジュウデン</t>
    </rPh>
    <rPh sb="58" eb="60">
      <t>ジョウタイ</t>
    </rPh>
    <rPh sb="61" eb="63">
      <t>ヘンカ</t>
    </rPh>
    <rPh sb="66" eb="68">
      <t>バアイ</t>
    </rPh>
    <rPh sb="74" eb="76">
      <t>ザンリョウ</t>
    </rPh>
    <rPh sb="78" eb="79">
      <t>ワリ</t>
    </rPh>
    <rPh sb="80" eb="82">
      <t>シタマワ</t>
    </rPh>
    <rPh sb="84" eb="86">
      <t>バアイ</t>
    </rPh>
    <rPh sb="88" eb="90">
      <t>キンキュウ</t>
    </rPh>
    <rPh sb="90" eb="92">
      <t>ジタイ</t>
    </rPh>
    <rPh sb="94" eb="96">
      <t>カゾク</t>
    </rPh>
    <rPh sb="98" eb="100">
      <t>ユウジン</t>
    </rPh>
    <rPh sb="106" eb="107">
      <t>シ</t>
    </rPh>
    <rPh sb="118" eb="119">
      <t>リョウ</t>
    </rPh>
    <rPh sb="123" eb="124">
      <t>エン</t>
    </rPh>
    <rPh sb="125" eb="126">
      <t>ツキ</t>
    </rPh>
    <rPh sb="127" eb="128">
      <t>イマ</t>
    </rPh>
    <rPh sb="130" eb="131">
      <t>ドオ</t>
    </rPh>
    <rPh sb="139" eb="141">
      <t>シヨウ</t>
    </rPh>
    <rPh sb="149" eb="151">
      <t>ショキ</t>
    </rPh>
    <rPh sb="151" eb="153">
      <t>セッテイ</t>
    </rPh>
    <rPh sb="155" eb="156">
      <t>オコナ</t>
    </rPh>
    <rPh sb="159" eb="161">
      <t>ヒビ</t>
    </rPh>
    <rPh sb="162" eb="164">
      <t>ソウサ</t>
    </rPh>
    <rPh sb="165" eb="167">
      <t>フヨウ</t>
    </rPh>
    <phoneticPr fontId="1"/>
  </si>
  <si>
    <t>http://hinode.fem.jp/limen/limen.html</t>
    <phoneticPr fontId="1"/>
  </si>
  <si>
    <t>https://www.mimamori-3s.com/</t>
    <phoneticPr fontId="1"/>
  </si>
  <si>
    <t>http://www.ninchisho-haikai-gps.com/</t>
    <phoneticPr fontId="1"/>
  </si>
  <si>
    <t>認知症徘徊GPSセンター</t>
    <rPh sb="0" eb="3">
      <t>ニンチショウ</t>
    </rPh>
    <rPh sb="3" eb="5">
      <t>ハイカイ</t>
    </rPh>
    <phoneticPr fontId="1"/>
  </si>
  <si>
    <t>ケアミックス株式会社</t>
    <rPh sb="6" eb="10">
      <t>カブシキガイシャ</t>
    </rPh>
    <phoneticPr fontId="1"/>
  </si>
  <si>
    <t>認知症徘徊GPSセンターは、認知症高齢者による徘徊を専門としたGPS位置検索サービスを提供しています。認知症による徘徊に特化することにより、異なる認知症の徘徊状況やご本人やご家族のご要望、地域やケアマネジャーなどのニーズにもお応えできるようにしています。GPSによる位置検索はあくまでも「位置情報を把握する手段」であり、徘徊に関する諸問題の一部しか解決することはできません。私たちは、認知症による徘徊に関する情報の集約や提供、連携により、有効な対応方法の発見や評価などでご本人やご家族の精神的な負担や日常生活の負担を軽減できればと思っています。</t>
    <phoneticPr fontId="1"/>
  </si>
  <si>
    <t>045-353-8868</t>
    <phoneticPr fontId="1"/>
  </si>
  <si>
    <t>特定非営利活動法人エンリッチ</t>
    <phoneticPr fontId="1"/>
  </si>
  <si>
    <t>LINEの見守りサービス</t>
    <phoneticPr fontId="1"/>
  </si>
  <si>
    <t>050-3702-5355</t>
    <phoneticPr fontId="1"/>
  </si>
  <si>
    <t>LINEのお友だち登録することで、定期的安否確認通知を送ります。OKをタップするだけです。
【見守りサービス】
プッシュ通知による安否確認に、タップされない場合は２４時間後に再送し更に３時間経っても確認がない場合は、直接電話で生存確認し、ご本人と連絡が取れない場合は近親者に電話でお知らせします。（無料）
【つながりサービス】
グループLINEによる「つながりサービス」は、グループLINEに安否確認を送りますのでグループ内で無事を確認し合えます。通知後23時間経過の時点でグループ内にOKタップをしていない方がいれば、グループ内に通知でお知らせします。（有料）
LINEを使っていれば、誰でもすぐに利用が可能です。</t>
    <phoneticPr fontId="1"/>
  </si>
  <si>
    <t>そっと寄り添い見守るサービス「かるケア」</t>
    <phoneticPr fontId="1"/>
  </si>
  <si>
    <t>株式会社コンピューター総合研究所</t>
    <phoneticPr fontId="1"/>
  </si>
  <si>
    <t>https://cal-care.jp</t>
    <phoneticPr fontId="1"/>
  </si>
  <si>
    <t>03-6803-0232</t>
    <phoneticPr fontId="1"/>
  </si>
  <si>
    <t>ニットービスコム株式会社</t>
    <rPh sb="8" eb="12">
      <t>カブシキガイシャ</t>
    </rPh>
    <phoneticPr fontId="1"/>
  </si>
  <si>
    <t>045-826-7882</t>
    <phoneticPr fontId="1"/>
  </si>
  <si>
    <t>https://www.nitto-bscom.co.jp/home_security/</t>
    <phoneticPr fontId="1"/>
  </si>
  <si>
    <t>mamocare</t>
    <phoneticPr fontId="1"/>
  </si>
  <si>
    <t>https://mamovisor.jp</t>
    <phoneticPr fontId="1"/>
  </si>
  <si>
    <t>03-6822-3858</t>
    <phoneticPr fontId="1"/>
  </si>
  <si>
    <t>ご自宅内に、ドアセンサーをトイレに設置をし、人感センサーをリビングに設置をし、
毎朝センサーの反応回数などをチェックを行い、センサーの反応がなかった場合には、
まず設置しているご自宅の方へ連絡をし、連絡が取れない場合に緊急連絡先、ご家族様に
ご連絡をさせていただく、日々の見守り代行を行っています。
室温なども把握可能なため、熱中症予防のお電話の対応も行います。</t>
    <phoneticPr fontId="1"/>
  </si>
  <si>
    <t>高齢者みまもりサービス「まもりこ」</t>
    <phoneticPr fontId="1"/>
  </si>
  <si>
    <t>合同会社ネコリコ</t>
    <phoneticPr fontId="1"/>
  </si>
  <si>
    <t>まもりこは、冷蔵庫に端末を設置するだけ。離れて暮らす両親、一人暮らしの高齢者をそっと見守ります。一定時間冷蔵庫の開閉がないと、見守るご家族が利用するスマホアプリに通知される仕組みです。1日3回（8時、14時、20時）、異常時のみアプリに通知されます。まもりこ端末を冷蔵庫に設置し、コンセントに挿していただくだけですぐに使えます。設置工事やインターネット回線は不要です。
端末本体と月額利用料(税込550円)だけではじめられ、申込日から1か月間は無料、契約年数の縛りや解約金もありません。
冷蔵庫の開閉日時から生活リズムも確認でき、ご夫婦やご兄弟などみんなで見守れます。</t>
    <phoneticPr fontId="1"/>
  </si>
  <si>
    <t>https://www.necolico.co.jp/mamolico/</t>
    <phoneticPr fontId="1"/>
  </si>
  <si>
    <t>03-5687-6775</t>
    <phoneticPr fontId="1"/>
  </si>
  <si>
    <t>090-1136-9004</t>
    <phoneticPr fontId="1"/>
  </si>
  <si>
    <t>https://cat-techs.info/how-are-you/</t>
    <phoneticPr fontId="1"/>
  </si>
  <si>
    <t>⾒守りアプリ「元気かな？」は、毎⽇の気分と歩数を、家族や友⼈と共有してお互いに⾒守りあうためのスマートフォン⽤アプリです。
毎⽇の気分は選択肢から選ぶだけで簡単にみんなと共有できます。歩数はスマートフォンを持って歩くだけで⾃動で計測してくれます。これらにより、離れて暮らしていても家族や友⼈の様⼦や体調の変化を知ることができます。
⼀⽅的な⾒守りとは異なり、お互いの気持ちが分かる仕組みのため、⼼地よいつながりを持つことができます。
また、スマートフォンさえあれば完全無料でご利⽤頂けるため、お財布の負担にもなりません。</t>
    <phoneticPr fontId="1"/>
  </si>
  <si>
    <t>https://www.zojirushi.co.jp/syohin/pot-kettle/mimamori/</t>
    <phoneticPr fontId="1"/>
  </si>
  <si>
    <t>https://www.we-are-csp.co.jp/personal/happiness/index.php</t>
    <phoneticPr fontId="1"/>
  </si>
  <si>
    <t>高齢者見守りサービス「みまサポ３」</t>
    <rPh sb="0" eb="3">
      <t>コウレイシャ</t>
    </rPh>
    <rPh sb="3" eb="5">
      <t>ミマモ</t>
    </rPh>
    <phoneticPr fontId="1"/>
  </si>
  <si>
    <t>http://life-brains.jp/id/</t>
    <phoneticPr fontId="1"/>
  </si>
  <si>
    <t>http://www.machikyo.or.jp/koureisyakai/download/anshinhosyou_2022.pdf</t>
    <phoneticPr fontId="1"/>
  </si>
  <si>
    <t>https://www.enrich.tokyo/service.html</t>
    <phoneticPr fontId="1"/>
  </si>
  <si>
    <t>http://www.netmil.jp/</t>
  </si>
  <si>
    <t>http://www.anzentaisaku.com/anpikakunin/index.htm</t>
  </si>
  <si>
    <t>HOMEALSOKみまもりサポート</t>
  </si>
  <si>
    <t>http://www.alsok.co.jp/person/mimamori/</t>
  </si>
  <si>
    <t>http://www.imairumo.com/</t>
  </si>
  <si>
    <t>会話型見守りサービスつながりプラス</t>
    <rPh sb="0" eb="3">
      <t>カイワガタ</t>
    </rPh>
    <rPh sb="3" eb="5">
      <t>ミマモ</t>
    </rPh>
    <phoneticPr fontId="1"/>
  </si>
  <si>
    <t>http://tsunagariplus.cocolomi.net</t>
  </si>
  <si>
    <t>http://www.exceliebe.com/mimamorin/index.html</t>
  </si>
  <si>
    <t>http://dream-sensor.com</t>
  </si>
  <si>
    <t>http://www.artdata.co.jp/</t>
  </si>
  <si>
    <t>https://www.liberty-mimasapo.com/</t>
  </si>
  <si>
    <t>離れて暮らす親御さまを想う家族の、以下のようなニーズに応える最新アプリ。
・離れて生活していても老親を身近に感じたい
・もしもの時は安否確認を行い通知して欲しい
・特殊犯罪の被害に遭わないか心配
・手軽な操作、安価（ワンコイン）で利用したい
親御さまがAndroidスマホをお持ちなら、その日から見守りスタート。24時間毎に「自動安否確認」・リアルタイムで「不審電話通知」利用者みんなで支え合う「見守りシェア」機能が特長。</t>
    <rPh sb="0" eb="1">
      <t>ハナ</t>
    </rPh>
    <rPh sb="3" eb="4">
      <t>ク</t>
    </rPh>
    <rPh sb="6" eb="8">
      <t>オヤゴ</t>
    </rPh>
    <rPh sb="11" eb="12">
      <t>オモ</t>
    </rPh>
    <rPh sb="13" eb="15">
      <t>カゾク</t>
    </rPh>
    <rPh sb="17" eb="19">
      <t>イカ</t>
    </rPh>
    <rPh sb="27" eb="28">
      <t>コタ</t>
    </rPh>
    <rPh sb="30" eb="32">
      <t>サイシン</t>
    </rPh>
    <rPh sb="38" eb="39">
      <t>ハナ</t>
    </rPh>
    <rPh sb="41" eb="43">
      <t>セイカツ</t>
    </rPh>
    <rPh sb="48" eb="50">
      <t>ロウシン</t>
    </rPh>
    <rPh sb="51" eb="53">
      <t>ミジカ</t>
    </rPh>
    <rPh sb="54" eb="55">
      <t>カン</t>
    </rPh>
    <rPh sb="64" eb="65">
      <t>トキ</t>
    </rPh>
    <rPh sb="66" eb="68">
      <t>アンピ</t>
    </rPh>
    <rPh sb="68" eb="70">
      <t>カクニン</t>
    </rPh>
    <rPh sb="71" eb="72">
      <t>オコナ</t>
    </rPh>
    <rPh sb="73" eb="75">
      <t>ツウチ</t>
    </rPh>
    <rPh sb="77" eb="78">
      <t>ホ</t>
    </rPh>
    <rPh sb="82" eb="84">
      <t>トクシュ</t>
    </rPh>
    <rPh sb="84" eb="86">
      <t>ハンザイ</t>
    </rPh>
    <rPh sb="87" eb="89">
      <t>ヒガイ</t>
    </rPh>
    <rPh sb="90" eb="91">
      <t>ア</t>
    </rPh>
    <rPh sb="95" eb="97">
      <t>シンパイ</t>
    </rPh>
    <rPh sb="99" eb="101">
      <t>テガル</t>
    </rPh>
    <rPh sb="102" eb="104">
      <t>ソウサ</t>
    </rPh>
    <rPh sb="105" eb="107">
      <t>アンカ</t>
    </rPh>
    <rPh sb="115" eb="117">
      <t>リヨウ</t>
    </rPh>
    <rPh sb="121" eb="123">
      <t>オヤゴ</t>
    </rPh>
    <rPh sb="138" eb="139">
      <t>モ</t>
    </rPh>
    <rPh sb="145" eb="146">
      <t>ヒ</t>
    </rPh>
    <rPh sb="148" eb="150">
      <t>ミマモ</t>
    </rPh>
    <rPh sb="158" eb="160">
      <t>ジカン</t>
    </rPh>
    <rPh sb="160" eb="161">
      <t>マイ</t>
    </rPh>
    <rPh sb="163" eb="165">
      <t>ジドウ</t>
    </rPh>
    <rPh sb="165" eb="167">
      <t>アンピ</t>
    </rPh>
    <rPh sb="167" eb="169">
      <t>カクニン</t>
    </rPh>
    <rPh sb="179" eb="181">
      <t>フシン</t>
    </rPh>
    <rPh sb="181" eb="183">
      <t>デンワ</t>
    </rPh>
    <rPh sb="183" eb="185">
      <t>ツウチ</t>
    </rPh>
    <rPh sb="186" eb="189">
      <t>リヨウシャ</t>
    </rPh>
    <rPh sb="193" eb="194">
      <t>ササ</t>
    </rPh>
    <rPh sb="195" eb="196">
      <t>ア</t>
    </rPh>
    <rPh sb="198" eb="200">
      <t>ミマモ</t>
    </rPh>
    <rPh sb="205" eb="207">
      <t>キノウ</t>
    </rPh>
    <rPh sb="208" eb="210">
      <t>トクチョウ</t>
    </rPh>
    <phoneticPr fontId="1"/>
  </si>
  <si>
    <t>https://www.aitosys.com/doashiru/</t>
  </si>
  <si>
    <t>http://www.mimamori.jp/</t>
  </si>
  <si>
    <t>https://www.nps-inc.jp/files/kaigo_mimamoro.pdf</t>
  </si>
  <si>
    <t>https://www.aivs.co.jp/watch_pri/</t>
  </si>
  <si>
    <t>スマートケアリンクみぃるも</t>
  </si>
  <si>
    <t>http://www.iot-net.jp/</t>
  </si>
  <si>
    <t>http://www.kizunaseikatsu.jp/</t>
  </si>
  <si>
    <t>みまも郎安否確認システム</t>
    <rPh sb="3" eb="4">
      <t>ロウ</t>
    </rPh>
    <rPh sb="4" eb="6">
      <t>アンピ</t>
    </rPh>
    <rPh sb="6" eb="8">
      <t>カクニン</t>
    </rPh>
    <phoneticPr fontId="1"/>
  </si>
  <si>
    <t>http://www.mimamoro.biz/</t>
  </si>
  <si>
    <t>http://fajpn.com/</t>
  </si>
  <si>
    <t>お部屋の見張り番CS-500</t>
    <rPh sb="1" eb="3">
      <t>ヘヤ</t>
    </rPh>
    <rPh sb="4" eb="6">
      <t>ミハ</t>
    </rPh>
    <rPh sb="7" eb="8">
      <t>バン</t>
    </rPh>
    <phoneticPr fontId="1"/>
  </si>
  <si>
    <t>http://www.esuto.co.jp/</t>
  </si>
  <si>
    <t>合同会社ライフブレインズ</t>
    <rPh sb="0" eb="2">
      <t>ゴウドウ</t>
    </rPh>
    <rPh sb="2" eb="4">
      <t>カイシャ</t>
    </rPh>
    <phoneticPr fontId="1"/>
  </si>
  <si>
    <t>高齢者の外出時の安心をサポート致します。IDInsole（アイディーインソール）はお出かけの際のもしもの時（徘徊・急病等）にあなたが迅速に保護と身元確認がなされるようサポートする「靴の中敷き型」保護対策用品です。ご利用の方に大きな負担をかけない装具であり、特に認知症・徘徊等に有効なものとして認知症家族会・支援団体の方々から評価を頂いております。</t>
    <rPh sb="0" eb="3">
      <t>コウレイシャ</t>
    </rPh>
    <rPh sb="4" eb="6">
      <t>ガイシュツ</t>
    </rPh>
    <rPh sb="6" eb="7">
      <t>ジ</t>
    </rPh>
    <rPh sb="8" eb="10">
      <t>アンシン</t>
    </rPh>
    <rPh sb="15" eb="16">
      <t>イタ</t>
    </rPh>
    <rPh sb="42" eb="43">
      <t>デ</t>
    </rPh>
    <rPh sb="46" eb="47">
      <t>サイ</t>
    </rPh>
    <rPh sb="52" eb="53">
      <t>トキ</t>
    </rPh>
    <rPh sb="54" eb="56">
      <t>ハイカイ</t>
    </rPh>
    <rPh sb="57" eb="59">
      <t>キュウビョウ</t>
    </rPh>
    <rPh sb="59" eb="60">
      <t>トウ</t>
    </rPh>
    <rPh sb="66" eb="68">
      <t>ジンソク</t>
    </rPh>
    <rPh sb="69" eb="71">
      <t>ホゴ</t>
    </rPh>
    <rPh sb="72" eb="74">
      <t>ミモト</t>
    </rPh>
    <rPh sb="74" eb="76">
      <t>カクニン</t>
    </rPh>
    <rPh sb="90" eb="91">
      <t>クツ</t>
    </rPh>
    <rPh sb="92" eb="93">
      <t>ナカ</t>
    </rPh>
    <rPh sb="93" eb="94">
      <t>シ</t>
    </rPh>
    <rPh sb="95" eb="96">
      <t>カタ</t>
    </rPh>
    <rPh sb="97" eb="99">
      <t>ホゴ</t>
    </rPh>
    <rPh sb="99" eb="101">
      <t>タイサク</t>
    </rPh>
    <rPh sb="101" eb="103">
      <t>ヨウヒン</t>
    </rPh>
    <rPh sb="107" eb="109">
      <t>リヨウ</t>
    </rPh>
    <rPh sb="110" eb="111">
      <t>カタ</t>
    </rPh>
    <rPh sb="112" eb="113">
      <t>オオ</t>
    </rPh>
    <rPh sb="115" eb="117">
      <t>フタン</t>
    </rPh>
    <rPh sb="122" eb="124">
      <t>ソウグ</t>
    </rPh>
    <rPh sb="128" eb="129">
      <t>トク</t>
    </rPh>
    <rPh sb="130" eb="133">
      <t>ニンチショウ</t>
    </rPh>
    <rPh sb="134" eb="136">
      <t>ハイカイ</t>
    </rPh>
    <rPh sb="136" eb="137">
      <t>トウ</t>
    </rPh>
    <rPh sb="138" eb="140">
      <t>ユウコウ</t>
    </rPh>
    <rPh sb="146" eb="149">
      <t>ニンチショウ</t>
    </rPh>
    <rPh sb="149" eb="151">
      <t>カゾク</t>
    </rPh>
    <rPh sb="151" eb="152">
      <t>カイ</t>
    </rPh>
    <rPh sb="153" eb="155">
      <t>シエン</t>
    </rPh>
    <rPh sb="155" eb="157">
      <t>ダンタイ</t>
    </rPh>
    <rPh sb="158" eb="160">
      <t>カタガタ</t>
    </rPh>
    <rPh sb="162" eb="164">
      <t>ヒョウカ</t>
    </rPh>
    <rPh sb="165" eb="166">
      <t>イタダ</t>
    </rPh>
    <phoneticPr fontId="1"/>
  </si>
  <si>
    <t>株式会社チェリー・BPM</t>
    <rPh sb="0" eb="2">
      <t>カブシキ</t>
    </rPh>
    <rPh sb="2" eb="4">
      <t>カイシャ</t>
    </rPh>
    <phoneticPr fontId="1"/>
  </si>
  <si>
    <t>http://www.cherrybpm.com</t>
  </si>
  <si>
    <t>KMIoTPersonal見守り</t>
    <rPh sb="13" eb="15">
      <t>ミマモ</t>
    </rPh>
    <phoneticPr fontId="1"/>
  </si>
  <si>
    <t>KemyCreative</t>
  </si>
  <si>
    <t>「KMIoTPersonal見守り」は自動的に人の動きやドアの開け閉めを感知してメールで通知したり、緊急時には高齢者本人が呼び出しボタンを押すことでメールで通知したり、またスマートフォンやパソコンでリアルタイムに動きがわかるので遠隔地の家族の方が安心して見守りができるサービスです。
また、センサーを置くだけで設置工事やソフトウェアのインストールの必要もないので初心者の方にも安心してお使いいただけます。</t>
    <rPh sb="14" eb="16">
      <t>ミマモ</t>
    </rPh>
    <rPh sb="19" eb="21">
      <t>ジドウ</t>
    </rPh>
    <rPh sb="21" eb="22">
      <t>テキ</t>
    </rPh>
    <rPh sb="23" eb="24">
      <t>ヒト</t>
    </rPh>
    <rPh sb="25" eb="26">
      <t>ウゴ</t>
    </rPh>
    <rPh sb="31" eb="32">
      <t>ア</t>
    </rPh>
    <rPh sb="33" eb="34">
      <t>シ</t>
    </rPh>
    <rPh sb="36" eb="38">
      <t>カンチ</t>
    </rPh>
    <rPh sb="44" eb="46">
      <t>ツウチ</t>
    </rPh>
    <rPh sb="50" eb="53">
      <t>キンキュウジ</t>
    </rPh>
    <rPh sb="55" eb="58">
      <t>コウレイシャ</t>
    </rPh>
    <rPh sb="58" eb="60">
      <t>ホンニン</t>
    </rPh>
    <rPh sb="61" eb="62">
      <t>ヨ</t>
    </rPh>
    <rPh sb="63" eb="64">
      <t>ダ</t>
    </rPh>
    <rPh sb="69" eb="70">
      <t>オ</t>
    </rPh>
    <rPh sb="78" eb="80">
      <t>ツウチ</t>
    </rPh>
    <rPh sb="106" eb="107">
      <t>ウゴ</t>
    </rPh>
    <rPh sb="114" eb="117">
      <t>エンカクチ</t>
    </rPh>
    <rPh sb="118" eb="120">
      <t>カゾク</t>
    </rPh>
    <rPh sb="121" eb="122">
      <t>カタ</t>
    </rPh>
    <rPh sb="123" eb="125">
      <t>アンシン</t>
    </rPh>
    <rPh sb="127" eb="129">
      <t>ミマモ</t>
    </rPh>
    <rPh sb="150" eb="151">
      <t>オ</t>
    </rPh>
    <rPh sb="155" eb="157">
      <t>セッチ</t>
    </rPh>
    <rPh sb="157" eb="159">
      <t>コウジ</t>
    </rPh>
    <rPh sb="174" eb="176">
      <t>ヒツヨウ</t>
    </rPh>
    <rPh sb="181" eb="184">
      <t>ショシンシャ</t>
    </rPh>
    <rPh sb="185" eb="186">
      <t>カタ</t>
    </rPh>
    <rPh sb="188" eb="190">
      <t>アンシン</t>
    </rPh>
    <rPh sb="193" eb="194">
      <t>ツカ</t>
    </rPh>
    <phoneticPr fontId="1"/>
  </si>
  <si>
    <t>かるケアは、テレビON/OFFと夜間照明をセンサーで検知し、離れて暮らすご家族に生活リズムをお知らせします。また、テレビリモコンのカラーボタンを使った簡単会話機能が、ご家族の新しいコミュニケーションを育みます。
（WiFiなどのインターネット環境不要設置も簡単です）
【主な機能】
■カラーランプかんたん会話
TVリモコンの青・黄ボタンを使って、ご家族と簡単なやり取りが可能です。
■異常見守り通知
「いつも部屋にいる時間なのに部屋にいない」「何日もテレビを見ていない」
等の異常を検知し、メールでお知らせします。
■生活リズム見守り
１週間の生活リズムを一目で確認することができます。テレビ視聴や夜間お部屋の消灯のタイミングなど確認できるので「いつもと違う」ことに気づけて安心です。</t>
  </si>
  <si>
    <t>ウエインズ見守りサービス</t>
    <rPh sb="5" eb="7">
      <t>ミマモ</t>
    </rPh>
    <phoneticPr fontId="1"/>
  </si>
  <si>
    <t>iCAコンサルティング株式会社</t>
  </si>
  <si>
    <t>スマートフォン⽤アプリ
「元気かな？-家族をつなげる⾒守り歩数計」</t>
  </si>
  <si>
    <t>CATTechs</t>
  </si>
  <si>
    <t>見守りセンサー「人守」</t>
    <rPh sb="0" eb="2">
      <t>ミマモ</t>
    </rPh>
    <rPh sb="8" eb="9">
      <t>ヒト</t>
    </rPh>
    <rPh sb="9" eb="10">
      <t>マモ</t>
    </rPh>
    <phoneticPr fontId="1"/>
  </si>
  <si>
    <t>ホットウェーブ株式会社</t>
    <rPh sb="7" eb="11">
      <t>カブシキガイシャ</t>
    </rPh>
    <phoneticPr fontId="1"/>
  </si>
  <si>
    <t>https://product.hotwave.jp/</t>
    <phoneticPr fontId="1"/>
  </si>
  <si>
    <t>03-5301-7688</t>
    <phoneticPr fontId="1"/>
  </si>
  <si>
    <t>お部屋に設置した機器が、お部屋の中で日常発生する生活データをセンサーで収集し、24時間365 日お部屋の状態をチェックします。生活データの異変を検知した際は、予め登録された宛先にメールでお知らせします。収集する生活データは、温度・湿度・照度・CO2 濃度・人の動いた回数、音が鳴った回数の6 種類。生活者のプライバシーを配慮し映像や画像、音声は収集しません。収集した生活データはインターネットを通じて遠方からいつでもグラフで確認できます。通信設備内蔵でお部屋に通信環境は不要。置き型タイプで取り付け工事も不要。月額利用料税込2,750 円のサブスクリプション方式でご利用でき、1 ヶ月単位での契約、いつでも解約できます（解約手数料も一切なし）。</t>
    <rPh sb="255" eb="257">
      <t>ゲツガク</t>
    </rPh>
    <phoneticPr fontId="1"/>
  </si>
  <si>
    <t>ヤマト運輸株式会社</t>
    <phoneticPr fontId="1"/>
  </si>
  <si>
    <t>クロネコ見守りサービス
ハローライト訪問プラン</t>
    <phoneticPr fontId="1"/>
  </si>
  <si>
    <t xml:space="preserve">「クロネコ見守りサービス ハローライト訪問プラン」は、ご自宅の電球をIoT電球「ハローライト」に交換するだけで始められる見守りサービスです。
設置工事・Wi-Fi環境は不要、初期費用はかかりません。24時間電球のON/OFFがないと異常を検知し、事前にご登録のある通知先にメールでご連絡します。通知先から依頼を受けた場合、ヤマト運輸のスタッフが電球設置先のご自宅に伺い、ご利用者さまの状況を確認して通知先の方にご報告します。宅急便で培った経営資源とIoT技術を活用したサービスで、見守る方・見守られる方両者に安心をお届けします。
</t>
    <phoneticPr fontId="1"/>
  </si>
  <si>
    <t>https://nekosapo-order2.kuronekoyamato.co.jp/mimamori.html</t>
    <phoneticPr fontId="1"/>
  </si>
  <si>
    <t>0120-86-2220</t>
    <phoneticPr fontId="1"/>
  </si>
  <si>
    <t>○</t>
  </si>
  <si>
    <t>平常時はライフリズム確認やコミュニケーションとして利用し、非常時は安否確認や防災告知として生活をサポートします。
●コミュニケーション
家族からメッセージを送り、○×△ボタンで簡単に返答できます。高齢者からは定型句でメール送信することができます。
●センサー
動き・室温・湿度・気圧などを検知し、連続的なグラフで表示します。
●自動監視
動きが途絶えると注意喚起を行い、メールを送信します。
●緊急通報
緊急ボタンで、緊急通報を一斉メールをします。
●オプション機器
・外出管理タグは、在宅、外出を自動的に切り替えることができます。
・血圧、体重、体温など自動記録します。
・多彩なオプションもご提供します。風呂、離床、ドア、パトライト</t>
    <rPh sb="0" eb="2">
      <t>ヘイジョウ</t>
    </rPh>
    <rPh sb="2" eb="3">
      <t>ジ</t>
    </rPh>
    <rPh sb="10" eb="12">
      <t>カクニン</t>
    </rPh>
    <rPh sb="25" eb="27">
      <t>リヨウ</t>
    </rPh>
    <rPh sb="29" eb="31">
      <t>ヒジョウ</t>
    </rPh>
    <rPh sb="31" eb="32">
      <t>ジ</t>
    </rPh>
    <rPh sb="33" eb="35">
      <t>アンピ</t>
    </rPh>
    <rPh sb="35" eb="37">
      <t>カクニン</t>
    </rPh>
    <rPh sb="38" eb="40">
      <t>ボウサイ</t>
    </rPh>
    <rPh sb="40" eb="42">
      <t>コクチ</t>
    </rPh>
    <rPh sb="45" eb="47">
      <t>セイカツ</t>
    </rPh>
    <rPh sb="68" eb="70">
      <t>カゾク</t>
    </rPh>
    <rPh sb="78" eb="79">
      <t>オク</t>
    </rPh>
    <rPh sb="88" eb="90">
      <t>カンタン</t>
    </rPh>
    <rPh sb="91" eb="93">
      <t>ヘントウ</t>
    </rPh>
    <rPh sb="98" eb="101">
      <t>コウレイシャ</t>
    </rPh>
    <rPh sb="104" eb="107">
      <t>テイケイク</t>
    </rPh>
    <rPh sb="111" eb="113">
      <t>ソウシン</t>
    </rPh>
    <rPh sb="130" eb="131">
      <t>ウゴ</t>
    </rPh>
    <rPh sb="133" eb="135">
      <t>シツオン</t>
    </rPh>
    <rPh sb="136" eb="138">
      <t>シツド</t>
    </rPh>
    <rPh sb="139" eb="141">
      <t>キアツ</t>
    </rPh>
    <rPh sb="144" eb="146">
      <t>ケンチ</t>
    </rPh>
    <rPh sb="148" eb="151">
      <t>レンゾクテキ</t>
    </rPh>
    <rPh sb="156" eb="158">
      <t>ヒョウジ</t>
    </rPh>
    <rPh sb="164" eb="166">
      <t>ジドウ</t>
    </rPh>
    <rPh sb="166" eb="168">
      <t>カンシ</t>
    </rPh>
    <rPh sb="169" eb="170">
      <t>ウゴ</t>
    </rPh>
    <rPh sb="172" eb="174">
      <t>トダ</t>
    </rPh>
    <rPh sb="177" eb="179">
      <t>チュウイ</t>
    </rPh>
    <rPh sb="179" eb="181">
      <t>カンキ</t>
    </rPh>
    <rPh sb="182" eb="183">
      <t>オコナ</t>
    </rPh>
    <rPh sb="189" eb="191">
      <t>ソウシン</t>
    </rPh>
    <rPh sb="197" eb="199">
      <t>キンキュウ</t>
    </rPh>
    <rPh sb="199" eb="201">
      <t>ツウホウ</t>
    </rPh>
    <rPh sb="202" eb="204">
      <t>キンキュウ</t>
    </rPh>
    <rPh sb="209" eb="211">
      <t>キンキュウ</t>
    </rPh>
    <rPh sb="211" eb="213">
      <t>ツウホウ</t>
    </rPh>
    <rPh sb="214" eb="216">
      <t>イッセイ</t>
    </rPh>
    <rPh sb="231" eb="233">
      <t>キキ</t>
    </rPh>
    <rPh sb="235" eb="237">
      <t>ガイシュツ</t>
    </rPh>
    <rPh sb="237" eb="239">
      <t>カンリ</t>
    </rPh>
    <rPh sb="243" eb="245">
      <t>ザイタク</t>
    </rPh>
    <rPh sb="246" eb="248">
      <t>ガイシュツ</t>
    </rPh>
    <rPh sb="249" eb="252">
      <t>ジドウテキ</t>
    </rPh>
    <rPh sb="253" eb="254">
      <t>キ</t>
    </rPh>
    <rPh sb="255" eb="256">
      <t>カ</t>
    </rPh>
    <rPh sb="268" eb="270">
      <t>ケツアツ</t>
    </rPh>
    <rPh sb="271" eb="273">
      <t>タイジュウ</t>
    </rPh>
    <rPh sb="274" eb="276">
      <t>タイオン</t>
    </rPh>
    <rPh sb="278" eb="280">
      <t>ジドウ</t>
    </rPh>
    <rPh sb="280" eb="282">
      <t>キロク</t>
    </rPh>
    <rPh sb="288" eb="290">
      <t>タサイ</t>
    </rPh>
    <rPh sb="298" eb="300">
      <t>テイキョウ</t>
    </rPh>
    <rPh sb="304" eb="306">
      <t>フロ</t>
    </rPh>
    <rPh sb="307" eb="309">
      <t>リショウ</t>
    </rPh>
    <phoneticPr fontId="1"/>
  </si>
  <si>
    <t>○見守りエリアから離れた場合にブザーとバイブでお知らせします。徘徊をされる方がSANタグ（送信機）、家族らがSANレーダー（受信機）を持ち、徘徊発生時にSANタグがSANレーダーの見守りエリアから離れるとブザーとバイブでお知らせします。SANタグは1回の充電で約1.5か月と長持ちなので充電回数が少なく安心です。（介護保険福祉用具貸与（認知症老人徘徊感知機器）TAISコード01572-000002）</t>
    <rPh sb="1" eb="3">
      <t>ミマモ</t>
    </rPh>
    <rPh sb="9" eb="10">
      <t>ハナ</t>
    </rPh>
    <rPh sb="12" eb="14">
      <t>バアイ</t>
    </rPh>
    <rPh sb="24" eb="25">
      <t>シ</t>
    </rPh>
    <rPh sb="31" eb="33">
      <t>ハイカイ</t>
    </rPh>
    <rPh sb="37" eb="38">
      <t>カタ</t>
    </rPh>
    <rPh sb="45" eb="48">
      <t>ソウシンキ</t>
    </rPh>
    <rPh sb="50" eb="52">
      <t>カゾク</t>
    </rPh>
    <rPh sb="62" eb="65">
      <t>ジュシンキ</t>
    </rPh>
    <rPh sb="67" eb="68">
      <t>モ</t>
    </rPh>
    <rPh sb="70" eb="72">
      <t>ハイカイ</t>
    </rPh>
    <rPh sb="72" eb="74">
      <t>ハッセイ</t>
    </rPh>
    <rPh sb="74" eb="75">
      <t>ジ</t>
    </rPh>
    <rPh sb="90" eb="92">
      <t>ミマモ</t>
    </rPh>
    <rPh sb="98" eb="99">
      <t>ハナ</t>
    </rPh>
    <rPh sb="111" eb="112">
      <t>シ</t>
    </rPh>
    <rPh sb="125" eb="126">
      <t>カイ</t>
    </rPh>
    <rPh sb="127" eb="129">
      <t>ジュウデン</t>
    </rPh>
    <rPh sb="130" eb="131">
      <t>ヤク</t>
    </rPh>
    <rPh sb="135" eb="136">
      <t>ゲツ</t>
    </rPh>
    <rPh sb="137" eb="139">
      <t>ナガモ</t>
    </rPh>
    <rPh sb="143" eb="145">
      <t>ジュウデン</t>
    </rPh>
    <rPh sb="145" eb="147">
      <t>カイスウ</t>
    </rPh>
    <rPh sb="148" eb="149">
      <t>スク</t>
    </rPh>
    <rPh sb="151" eb="153">
      <t>アンシン</t>
    </rPh>
    <rPh sb="157" eb="159">
      <t>カイゴ</t>
    </rPh>
    <rPh sb="159" eb="161">
      <t>ホケン</t>
    </rPh>
    <rPh sb="161" eb="163">
      <t>フクシ</t>
    </rPh>
    <rPh sb="163" eb="165">
      <t>ヨウグ</t>
    </rPh>
    <rPh sb="165" eb="167">
      <t>タイヨ</t>
    </rPh>
    <rPh sb="168" eb="171">
      <t>ニンチショウ</t>
    </rPh>
    <rPh sb="171" eb="173">
      <t>ロウジン</t>
    </rPh>
    <rPh sb="173" eb="175">
      <t>ハイカイ</t>
    </rPh>
    <rPh sb="175" eb="177">
      <t>カンチ</t>
    </rPh>
    <rPh sb="177" eb="179">
      <t>キキ</t>
    </rPh>
    <phoneticPr fontId="1"/>
  </si>
  <si>
    <t xml:space="preserve">離れて暮らすご家族をつなぐ郵便局のみまもりサービス
大切なご家族の毎月、毎日のみまもりを郵便局がサポートします。
○みまもり訪問サービス
毎月１回、郵便局の社員など※がご利用者宅などへ直接訪問し、生活状況を確認の上、ご家族などのご指定いただいた報告先へご連絡します。（報告先は３か所まで設定可能）
※弊社が委託した者を含みます。
○みまもりでんわサービス
毎日、指定された時間帯にご利用者へお電話（自動音声）で体調確認を行い、回答内容はすぐにご家族などのご指定いただいた報告先へメールでご連絡します。（報告先は４か所まで設定可能）
</t>
  </si>
  <si>
    <t>○ウエインズ見守りサービスは、人感センサーで見守るサービスです。ボタン１つで見守りスタッフにつながり、定額料金で非常時には、何度でも無料で警備員が駆けつけます。
○室内で身動きが取れなくなった時、一定時間反応がない場合は、スタッフが呼びかけ、安否確認をします。（ハンズフリー通話）
○外出連動センサーが付いているので、お出掛けを自動で認識します。
※設置には固定電話（アナログ回線）が必要です。
※警備エリア外は、対象外になる事があります。</t>
    <rPh sb="6" eb="8">
      <t>ミマモ</t>
    </rPh>
    <rPh sb="15" eb="17">
      <t>ジンカン</t>
    </rPh>
    <rPh sb="22" eb="24">
      <t>ミマモ</t>
    </rPh>
    <rPh sb="38" eb="40">
      <t>ミマモ</t>
    </rPh>
    <rPh sb="51" eb="53">
      <t>テイガク</t>
    </rPh>
    <rPh sb="53" eb="55">
      <t>リョウキン</t>
    </rPh>
    <rPh sb="56" eb="58">
      <t>ヒジョウ</t>
    </rPh>
    <rPh sb="58" eb="59">
      <t>ジ</t>
    </rPh>
    <rPh sb="62" eb="64">
      <t>ナンド</t>
    </rPh>
    <rPh sb="66" eb="68">
      <t>ムリョウ</t>
    </rPh>
    <rPh sb="69" eb="72">
      <t>ケイビイン</t>
    </rPh>
    <rPh sb="73" eb="74">
      <t>カ</t>
    </rPh>
    <rPh sb="82" eb="84">
      <t>シツナイ</t>
    </rPh>
    <rPh sb="85" eb="87">
      <t>ミウゴ</t>
    </rPh>
    <rPh sb="89" eb="90">
      <t>ト</t>
    </rPh>
    <rPh sb="96" eb="97">
      <t>トキ</t>
    </rPh>
    <rPh sb="98" eb="100">
      <t>イッテイ</t>
    </rPh>
    <rPh sb="102" eb="104">
      <t>ハンノウ</t>
    </rPh>
    <rPh sb="107" eb="109">
      <t>バアイ</t>
    </rPh>
    <rPh sb="116" eb="117">
      <t>ヨ</t>
    </rPh>
    <rPh sb="121" eb="123">
      <t>アンピ</t>
    </rPh>
    <rPh sb="123" eb="125">
      <t>カクニン</t>
    </rPh>
    <rPh sb="137" eb="139">
      <t>ツウワ</t>
    </rPh>
    <rPh sb="142" eb="144">
      <t>ガイシュツ</t>
    </rPh>
    <rPh sb="144" eb="146">
      <t>レンドウ</t>
    </rPh>
    <rPh sb="151" eb="152">
      <t>ツ</t>
    </rPh>
    <rPh sb="160" eb="162">
      <t>デカ</t>
    </rPh>
    <rPh sb="164" eb="166">
      <t>ジドウ</t>
    </rPh>
    <rPh sb="167" eb="169">
      <t>ニンシキ</t>
    </rPh>
    <rPh sb="175" eb="177">
      <t>セッチ</t>
    </rPh>
    <rPh sb="179" eb="183">
      <t>コテイデンワ</t>
    </rPh>
    <rPh sb="188" eb="190">
      <t>カイセン</t>
    </rPh>
    <rPh sb="192" eb="194">
      <t>ヒツヨウ</t>
    </rPh>
    <rPh sb="199" eb="201">
      <t>ケイビ</t>
    </rPh>
    <rPh sb="204" eb="205">
      <t>ガイ</t>
    </rPh>
    <rPh sb="207" eb="209">
      <t>タイショウ</t>
    </rPh>
    <rPh sb="209" eb="210">
      <t>ガイ</t>
    </rPh>
    <rPh sb="213" eb="214">
      <t>コト</t>
    </rPh>
    <phoneticPr fontId="1"/>
  </si>
  <si>
    <t>○</t>
    <phoneticPr fontId="1"/>
  </si>
  <si>
    <t>MeAMOR</t>
    <phoneticPr fontId="1"/>
  </si>
  <si>
    <t>三菱電機株式会社</t>
    <phoneticPr fontId="1"/>
  </si>
  <si>
    <t xml:space="preserve">離れて暮らす家族を家電でそっと見守ることができるサービスです。家族のプライバシーを守りながら、三菱電機製品のエアコン・冷蔵庫・給湯機の検知情報・利用状況から、必要に応じていつでも生活状況をみまもることができます。
家電一台から、くらしのみまもりが始められ、みまもられる方の生活状況(「くらしの状況」「部屋の温度状況」「湯はりの使用状況」)をスマートフォンの画面から確認できます。また、いつもの生活と違った状態が検知されると スマートフォンにお知らせするなど、各種通知・レポート機能も利用できます。
</t>
    <phoneticPr fontId="1"/>
  </si>
  <si>
    <t xml:space="preserve">https://kuratoku.lcx.mitsubishielectric.co.jp/meamor/?utm_source=Kanagawa&amp;utm_medium=referral&amp;utm_campaign=meamor231201
</t>
    <phoneticPr fontId="1"/>
  </si>
  <si>
    <t>0120-139-365</t>
    <phoneticPr fontId="1"/>
  </si>
  <si>
    <t>○</t>
    <phoneticPr fontId="1"/>
  </si>
  <si>
    <t>かんたん見守りプラグ</t>
    <phoneticPr fontId="1"/>
  </si>
  <si>
    <t>KDDI株式会社</t>
    <phoneticPr fontId="1"/>
  </si>
  <si>
    <t>https://homeiot.kddi.com/plug/index.html</t>
    <phoneticPr fontId="1"/>
  </si>
  <si>
    <t xml:space="preserve">プライバシーに配慮したセンサー型見守りサービス
・無線LAN環境が不要で、コンセントに挿すだけで利用可能
・モーションセンサー、照度センサー、電力センサーでおうちのご家族の動き、お部屋の明るさ、家電製品の使用状況を検知
・温湿度センサーでお部屋の温湿度を測定し、熱中症リスクを推定
・センサーの検知内容を専用アプリで確認でき、プッシュ通知やメールアドレス宛への通知も可能
・ご購入者全員にご入院一時金3万円を受け取れる傷害保険をプレゼント
主な補償対象：猛暑による熱中症、散歩中の転倒によるけが、スポーツ中のけがなど
・万が一の時に、ご家族のもとへセコム駆けつけサービスを要請可能
　(出動要請1回あたり、5,500円（税込）/30分、最大1時間まで）
</t>
    <phoneticPr fontId="1"/>
  </si>
  <si>
    <t>○</t>
    <phoneticPr fontId="1"/>
  </si>
  <si>
    <t>KDDIお客さまセンター：0120-925-629(受付時間 9:00～20:00）</t>
    <phoneticPr fontId="1"/>
  </si>
  <si>
    <t>株式会社ガードアイ</t>
    <rPh sb="0" eb="2">
      <t>カブシキ</t>
    </rPh>
    <rPh sb="2" eb="4">
      <t>カイシャ</t>
    </rPh>
    <phoneticPr fontId="1"/>
  </si>
  <si>
    <t>○</t>
    <phoneticPr fontId="1"/>
  </si>
  <si>
    <t>みまもりヤモリ</t>
    <phoneticPr fontId="1"/>
  </si>
  <si>
    <t>株式会社ヤモリ</t>
    <rPh sb="0" eb="2">
      <t>カブシキ</t>
    </rPh>
    <rPh sb="2" eb="4">
      <t>カイシャ</t>
    </rPh>
    <phoneticPr fontId="1"/>
  </si>
  <si>
    <t>https://www.yamori.co.jp/mimamoriyamori</t>
    <phoneticPr fontId="1"/>
  </si>
  <si>
    <t>03-5464-1820</t>
    <phoneticPr fontId="1"/>
  </si>
  <si>
    <t>みまもりヤモリは見守りIoTサービスです。モーションセンサー（人感センサー）を搭載したIoT機器を室内の生活動線上に設置し、一定時間動きを感知しない場合、メールやSMSで自動通知します。
見守り対象者による能動的な行動が必要なく、通常どおり生活していただくだけで見守りができます。
Wi-Fi不要、コンセント不要、初期費用無料、月額1,100円(税込)と手軽に利用でき、契約期間の制限もありません。センサーによる見守りのため、プライバシー侵害の恐れがありません。</t>
    <phoneticPr fontId="1"/>
  </si>
  <si>
    <t>○</t>
    <phoneticPr fontId="1"/>
  </si>
  <si>
    <t>https://guard-i.co.jp</t>
    <phoneticPr fontId="1"/>
  </si>
  <si>
    <t>サービス区分</t>
    <rPh sb="4" eb="6">
      <t>クブン</t>
    </rPh>
    <phoneticPr fontId="1"/>
  </si>
  <si>
    <t>センサー</t>
    <phoneticPr fontId="1"/>
  </si>
  <si>
    <t>電話</t>
    <rPh sb="0" eb="2">
      <t>デンワ</t>
    </rPh>
    <phoneticPr fontId="1"/>
  </si>
  <si>
    <t>生活　　リズム</t>
    <rPh sb="0" eb="2">
      <t>セイカツ</t>
    </rPh>
    <phoneticPr fontId="1"/>
  </si>
  <si>
    <t>通報　　訴え</t>
    <rPh sb="0" eb="2">
      <t>ツウホウ</t>
    </rPh>
    <rPh sb="4" eb="5">
      <t>ウッタ</t>
    </rPh>
    <phoneticPr fontId="1"/>
  </si>
  <si>
    <t>メール等</t>
    <rPh sb="3" eb="4">
      <t>トウ</t>
    </rPh>
    <phoneticPr fontId="1"/>
  </si>
  <si>
    <t>ケンコウボタン</t>
    <phoneticPr fontId="1"/>
  </si>
  <si>
    <t>0120-881-924</t>
    <phoneticPr fontId="1"/>
  </si>
  <si>
    <t>●携帯型見守り機器で、日本国内専用見守り機器です。
●１つのボタンで２種類のメール通報が出来ます。
●短押しでは「変わりありません」通報先３か所、長押しでは「連絡下さい」通報先３か所のメール送信可能です。
●単４電池2本使用、ネット環境、設定は不要で到着したその日からお使い頂けます。
●朝４時から１０時と正午までの間にボタン押下がなければ、自動で緊急連絡先３か所にメールを送ります。
●簡易位置情報機能も搭載しています。
●1週間前のボタン押下回数を一括送信サービスも可能です。（オプション）</t>
    <phoneticPr fontId="1"/>
  </si>
  <si>
    <t>コミュニティ</t>
    <phoneticPr fontId="1"/>
  </si>
  <si>
    <t>●コンセントに差し込むだけでお使い頂ける据え置き型の見守り機器です。
●日本国内専用見守り機器です。
●ネット環境、設定、設置工事は不要で、到着したその日からお使い頂けます。
●メール通信サービスエリアは全世界です。
●人の移動する熱を検知し、安否確認を行います。
●検知時間は午前４時から１０時と正午の２回行い、人の熱の検知が無ければ
　自動でメールを最大３か所まで送信することができます。
●1週間前のセンサー検知回数を一括送信サービスも可能です（オプション）。</t>
    <phoneticPr fontId="1"/>
  </si>
  <si>
    <t>○</t>
    <phoneticPr fontId="1"/>
  </si>
  <si>
    <t>問合せ先　　　　電話番号</t>
    <rPh sb="0" eb="2">
      <t>トイアワ</t>
    </rPh>
    <rPh sb="3" eb="4">
      <t>サキ</t>
    </rPh>
    <rPh sb="8" eb="10">
      <t>デンワ</t>
    </rPh>
    <rPh sb="10" eb="12">
      <t>バンゴウ</t>
    </rPh>
    <phoneticPr fontId="1"/>
  </si>
  <si>
    <t>○</t>
    <phoneticPr fontId="1"/>
  </si>
  <si>
    <t>見守りサポート ここわ</t>
    <phoneticPr fontId="1"/>
  </si>
  <si>
    <t>TRIAS株式会社</t>
    <rPh sb="5" eb="9">
      <t>カブシキガイシャ</t>
    </rPh>
    <phoneticPr fontId="1"/>
  </si>
  <si>
    <t>03-5324-2672</t>
    <phoneticPr fontId="1"/>
  </si>
  <si>
    <t>ご自宅に設置した機器の人感センサーが動きを感知すると、内蔵したインターネット回線を通じて記録を蓄積。
その記録がLINEを通じて見守る側のスマートフォンに通知されます。
カメラなしの人感センサー：プライバシーを確保しつつ見守りが可能
インターネット不要：SIM内蔵でご自宅に環境を用意する必要なし
難しい設置・設定不要：設置は電源に差し込むだけ、初期設定なし
新規アプリのDL不要：登録から設定、見守り通知までLINEで完結
契約期間の縛りなし：最低の契約期間は1ヶ月、いつでも解約OK</t>
    <phoneticPr fontId="1"/>
  </si>
  <si>
    <t>https://tri-as.co.jp/</t>
    <phoneticPr fontId="1"/>
  </si>
  <si>
    <t>エムイービー株式会社</t>
    <rPh sb="6" eb="10">
      <t>カブシキガイシャ</t>
    </rPh>
    <phoneticPr fontId="1"/>
  </si>
  <si>
    <t>外出中や通院・買い物など、いつもの日常でも 「いま、どこにいるか分からない」という不安は突然起こります。
エムイービーの位置情報見守り端末は、必要なときだけ現在地を取得できる“専用サーバー不要型”の仕組みで、 家族が端末へメールを送るだけで、数秒後には位置情報が直接スマートフォンへ届きます。
特許技術によりGPSと基地局情報を端末内で統合し、一般的なGPS端末のようなクラウド常時送信が不要なため、 高い省電力性能と小型・軽量を実現しました。
高齢者の外出見守り、徘徊対策、子どもの安全管理など幅広く活用でき、“もしものとき、すぐ居場所が分かる” 日常の安心を支える実用的な見守り基盤です。</t>
    <phoneticPr fontId="1"/>
  </si>
  <si>
    <t>042-712-0299</t>
    <phoneticPr fontId="1"/>
  </si>
  <si>
    <t>http://www.meb.co.jp/</t>
    <phoneticPr fontId="1"/>
  </si>
  <si>
    <t>○</t>
    <phoneticPr fontId="1"/>
  </si>
  <si>
    <t>行方不明者支援サイト サービス概要</t>
    <phoneticPr fontId="1"/>
  </si>
  <si>
    <t>外出中や旅行先で「どこにいるのか分からない」という不安を軽減し、家族が安心して見守れるようにするためのサービスです。
特徴・服装・持ち物・最終確認時刻などの身近な情報を共有でき、いざという時に家族や地域の協力者がすぐに気づき、早期の発見につながるよう支援します。
情報は安全に管理され、必要な相手だけに共有されるため、無理のない形で日常の見守りに活用できます。
複雑な設定が不要で、家族が使いやすく、外出の多い高齢者の見守り負担を軽減できるサービスです。</t>
    <phoneticPr fontId="1"/>
  </si>
  <si>
    <t>https://prtimes.jp/main/html/rd/p/000000007.000154370.html
https://www.meb-biz.jp/　</t>
    <phoneticPr fontId="1"/>
  </si>
  <si>
    <t>専用サーバ―不要 　　　　　　見守り位置情報端末</t>
    <phoneticPr fontId="1"/>
  </si>
  <si>
    <t>まもりて・ゲートウエイ</t>
    <phoneticPr fontId="1"/>
  </si>
  <si>
    <t xml:space="preserve">クロスリンクマーケティング株式会社
</t>
    <rPh sb="13" eb="17">
      <t>カブシキガイシャ</t>
    </rPh>
    <phoneticPr fontId="1"/>
  </si>
  <si>
    <t>https://www.fleaiot.com/mamolite2/</t>
    <phoneticPr fontId="1"/>
  </si>
  <si>
    <t>03-4455-3923</t>
    <phoneticPr fontId="1"/>
  </si>
  <si>
    <t>熱中症・ヒートショック予防のための温度・湿度センサーと人感センサー
●見守り先の温度・湿度をいつでも通知先のスマホから確認できます。
●見守り先の室内がリスク温度を超える・下回ると通知先に通知します。
●見守り先で一定時間、人感センサーが動きを検知しないと、通知先に通知します。
●設置は背面のマグネットで冷蔵庫や洗濯機に貼り、家庭用電源に接続するだけ。
●設定はスマホやPCで管理画面から見守り先、通知先を設定するだけ。
●見守り先のプライバシーが守れる赤外線人感センサーを内蔵。
●オプションでバイタルバンドがあります。
　➡体温、心拍数、簡易血中酸素、活動量を取得、本体を通じて送信・記録され、スマホアプリでいつでも確認できます
　➡SOSボタンを押すと通知先に通知します。</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2"/>
      <color theme="1"/>
      <name val="ＭＳ 明朝"/>
      <family val="2"/>
      <charset val="128"/>
    </font>
    <font>
      <sz val="6"/>
      <name val="ＭＳ 明朝"/>
      <family val="2"/>
      <charset val="128"/>
    </font>
    <font>
      <u/>
      <sz val="12"/>
      <color theme="10"/>
      <name val="ＭＳ 明朝"/>
      <family val="2"/>
      <charset val="128"/>
    </font>
    <font>
      <sz val="12"/>
      <name val="ＭＳ 明朝"/>
      <family val="2"/>
      <charset val="128"/>
    </font>
    <font>
      <u/>
      <sz val="12"/>
      <name val="ＭＳ 明朝"/>
      <family val="2"/>
      <charset val="128"/>
    </font>
    <font>
      <sz val="12"/>
      <color theme="1"/>
      <name val="Meiryo UI"/>
      <family val="3"/>
      <charset val="128"/>
    </font>
    <font>
      <sz val="12"/>
      <name val="ＭＳ Ｐゴシック"/>
      <family val="3"/>
      <charset val="128"/>
      <scheme val="minor"/>
    </font>
    <font>
      <sz val="12"/>
      <color theme="1"/>
      <name val="ＭＳ Ｐゴシック"/>
      <family val="3"/>
      <charset val="128"/>
      <scheme val="minor"/>
    </font>
    <font>
      <sz val="11"/>
      <color theme="1"/>
      <name val="Meiryo UI"/>
      <family val="3"/>
      <charset val="128"/>
    </font>
    <font>
      <sz val="14"/>
      <color theme="1"/>
      <name val="Meiryo UI"/>
      <family val="3"/>
      <charset val="128"/>
    </font>
    <font>
      <sz val="14"/>
      <name val="Meiryo UI"/>
      <family val="3"/>
      <charset val="128"/>
    </font>
    <font>
      <u/>
      <sz val="12"/>
      <color theme="1"/>
      <name val="ＭＳ 明朝"/>
      <family val="2"/>
      <charset val="128"/>
    </font>
  </fonts>
  <fills count="3">
    <fill>
      <patternFill patternType="none"/>
    </fill>
    <fill>
      <patternFill patternType="gray125"/>
    </fill>
    <fill>
      <patternFill patternType="solid">
        <fgColor theme="4" tint="0.79998168889431442"/>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alignment vertical="center"/>
    </xf>
    <xf numFmtId="0" fontId="2" fillId="0" borderId="0" applyNumberFormat="0" applyFill="0" applyBorder="0" applyAlignment="0" applyProtection="0">
      <alignment vertical="center"/>
    </xf>
  </cellStyleXfs>
  <cellXfs count="48">
    <xf numFmtId="0" fontId="0" fillId="0" borderId="0" xfId="0">
      <alignment vertical="center"/>
    </xf>
    <xf numFmtId="0" fontId="0" fillId="0" borderId="0" xfId="0" applyAlignment="1">
      <alignment horizontal="center" vertical="center"/>
    </xf>
    <xf numFmtId="0" fontId="3" fillId="0" borderId="1" xfId="0" applyFont="1" applyBorder="1" applyAlignment="1">
      <alignment vertical="center" wrapText="1"/>
    </xf>
    <xf numFmtId="0" fontId="4" fillId="0" borderId="1" xfId="1" applyFont="1" applyBorder="1" applyAlignment="1">
      <alignment vertical="center" wrapText="1"/>
    </xf>
    <xf numFmtId="0" fontId="4" fillId="0" borderId="1" xfId="1" applyFont="1" applyBorder="1" applyAlignment="1">
      <alignment horizontal="left" vertical="center" wrapText="1"/>
    </xf>
    <xf numFmtId="0" fontId="4" fillId="0" borderId="0" xfId="1" applyFont="1" applyAlignment="1">
      <alignment vertical="center" wrapText="1"/>
    </xf>
    <xf numFmtId="0" fontId="3" fillId="0" borderId="1" xfId="0" applyFont="1" applyFill="1" applyBorder="1" applyAlignment="1">
      <alignment vertical="center" wrapText="1"/>
    </xf>
    <xf numFmtId="0" fontId="4" fillId="0" borderId="1" xfId="1" applyFont="1" applyBorder="1">
      <alignment vertical="center"/>
    </xf>
    <xf numFmtId="0" fontId="3" fillId="0" borderId="0" xfId="0" applyFont="1">
      <alignment vertical="center"/>
    </xf>
    <xf numFmtId="0" fontId="0" fillId="0" borderId="1" xfId="0" applyBorder="1" applyAlignment="1">
      <alignment horizontal="center" vertical="center"/>
    </xf>
    <xf numFmtId="0" fontId="6" fillId="0" borderId="1" xfId="0" applyFont="1" applyBorder="1" applyAlignment="1">
      <alignment vertical="center" wrapText="1"/>
    </xf>
    <xf numFmtId="49" fontId="6" fillId="0" borderId="1" xfId="0" applyNumberFormat="1" applyFont="1" applyBorder="1" applyAlignment="1">
      <alignment vertical="center" wrapText="1"/>
    </xf>
    <xf numFmtId="0" fontId="6" fillId="0" borderId="1" xfId="0" applyFont="1" applyBorder="1">
      <alignment vertical="center"/>
    </xf>
    <xf numFmtId="0" fontId="6" fillId="0" borderId="1" xfId="0" applyFont="1" applyFill="1" applyBorder="1" applyAlignment="1">
      <alignment vertical="center" wrapText="1"/>
    </xf>
    <xf numFmtId="0" fontId="6" fillId="0" borderId="1" xfId="0" applyFont="1" applyFill="1" applyBorder="1">
      <alignment vertical="center"/>
    </xf>
    <xf numFmtId="0" fontId="7" fillId="0" borderId="1" xfId="0" applyFont="1" applyBorder="1" applyAlignment="1">
      <alignment vertical="center" wrapText="1"/>
    </xf>
    <xf numFmtId="0" fontId="7" fillId="0" borderId="1" xfId="0" applyFont="1" applyFill="1" applyBorder="1" applyAlignment="1">
      <alignment vertical="center" wrapText="1"/>
    </xf>
    <xf numFmtId="0" fontId="7" fillId="0" borderId="1" xfId="0" applyFont="1" applyFill="1" applyBorder="1">
      <alignment vertical="center"/>
    </xf>
    <xf numFmtId="0" fontId="7" fillId="0" borderId="1" xfId="0" applyFont="1" applyBorder="1">
      <alignment vertical="center"/>
    </xf>
    <xf numFmtId="0" fontId="8" fillId="2" borderId="1" xfId="0" applyFont="1" applyFill="1" applyBorder="1" applyAlignment="1">
      <alignment horizontal="center" vertical="center" wrapText="1"/>
    </xf>
    <xf numFmtId="0" fontId="8" fillId="2" borderId="1" xfId="0" applyFont="1" applyFill="1" applyBorder="1" applyAlignment="1">
      <alignment horizontal="center" vertical="center"/>
    </xf>
    <xf numFmtId="0" fontId="8" fillId="2" borderId="1" xfId="0" applyFont="1" applyFill="1" applyBorder="1" applyAlignment="1">
      <alignment horizontal="center" vertical="center" textRotation="255"/>
    </xf>
    <xf numFmtId="0" fontId="0" fillId="0" borderId="1" xfId="0" applyFill="1" applyBorder="1" applyAlignment="1">
      <alignment horizontal="center" vertical="center"/>
    </xf>
    <xf numFmtId="0" fontId="0" fillId="0" borderId="1" xfId="0" applyFill="1" applyBorder="1" applyAlignment="1">
      <alignment horizontal="center" vertical="center" wrapText="1"/>
    </xf>
    <xf numFmtId="0" fontId="6" fillId="0" borderId="1" xfId="0" applyFont="1" applyBorder="1" applyAlignment="1">
      <alignment vertical="top" wrapText="1"/>
    </xf>
    <xf numFmtId="0" fontId="6" fillId="0" borderId="1" xfId="0" applyFont="1" applyBorder="1" applyAlignment="1">
      <alignment horizontal="justify" vertical="top" wrapText="1"/>
    </xf>
    <xf numFmtId="0" fontId="6" fillId="0" borderId="1" xfId="0" applyFont="1" applyBorder="1" applyAlignment="1">
      <alignment horizontal="justify" vertical="center" wrapText="1"/>
    </xf>
    <xf numFmtId="0" fontId="7" fillId="0" borderId="1" xfId="0" applyFont="1" applyBorder="1" applyAlignment="1">
      <alignment horizontal="justify" vertical="center"/>
    </xf>
    <xf numFmtId="0" fontId="7" fillId="0" borderId="1" xfId="0" applyFont="1" applyBorder="1" applyAlignment="1">
      <alignment horizontal="justify" vertical="center" wrapText="1"/>
    </xf>
    <xf numFmtId="0" fontId="7" fillId="2" borderId="1" xfId="0" applyFont="1" applyFill="1" applyBorder="1" applyAlignment="1">
      <alignment horizontal="center" vertical="center"/>
    </xf>
    <xf numFmtId="0" fontId="7" fillId="0" borderId="0" xfId="0" applyFont="1" applyAlignment="1">
      <alignment horizontal="center" vertical="center"/>
    </xf>
    <xf numFmtId="0" fontId="6" fillId="0" borderId="1" xfId="0" applyFont="1" applyBorder="1" applyAlignment="1">
      <alignment horizontal="center" vertical="center"/>
    </xf>
    <xf numFmtId="0" fontId="6" fillId="0" borderId="1" xfId="0" applyFont="1" applyFill="1" applyBorder="1" applyAlignment="1">
      <alignment horizontal="center" vertical="center"/>
    </xf>
    <xf numFmtId="0" fontId="7" fillId="0" borderId="1" xfId="0" applyFont="1" applyBorder="1" applyAlignment="1">
      <alignment horizontal="center" vertical="center" wrapText="1"/>
    </xf>
    <xf numFmtId="0" fontId="7" fillId="0" borderId="1" xfId="0" applyFont="1" applyBorder="1" applyAlignment="1">
      <alignment horizontal="center" vertical="center"/>
    </xf>
    <xf numFmtId="0" fontId="7" fillId="0" borderId="1" xfId="0" applyFont="1" applyFill="1" applyBorder="1" applyAlignment="1">
      <alignment horizontal="center" vertical="center"/>
    </xf>
    <xf numFmtId="0" fontId="7" fillId="0" borderId="1" xfId="0" applyFont="1" applyFill="1" applyBorder="1" applyAlignment="1">
      <alignment horizontal="center" vertical="center" wrapText="1"/>
    </xf>
    <xf numFmtId="0" fontId="11" fillId="0" borderId="1" xfId="1" applyFont="1" applyBorder="1" applyAlignment="1">
      <alignment vertical="center" wrapText="1"/>
    </xf>
    <xf numFmtId="0" fontId="7" fillId="2" borderId="1" xfId="0" applyFont="1" applyFill="1" applyBorder="1" applyAlignment="1">
      <alignment horizontal="center" vertical="center"/>
    </xf>
    <xf numFmtId="0" fontId="7" fillId="2" borderId="1" xfId="0" applyFont="1" applyFill="1" applyBorder="1" applyAlignment="1">
      <alignment horizontal="center" vertical="center"/>
    </xf>
    <xf numFmtId="0" fontId="5" fillId="2" borderId="1" xfId="0" applyFont="1" applyFill="1" applyBorder="1" applyAlignment="1">
      <alignment horizontal="center" vertical="center"/>
    </xf>
    <xf numFmtId="0" fontId="9" fillId="2" borderId="1" xfId="0" applyFont="1" applyFill="1" applyBorder="1" applyAlignment="1">
      <alignment horizontal="center" vertical="center"/>
    </xf>
    <xf numFmtId="0" fontId="7" fillId="2" borderId="1" xfId="0" applyFont="1" applyFill="1" applyBorder="1" applyAlignment="1">
      <alignment horizontal="center" vertical="center"/>
    </xf>
    <xf numFmtId="0" fontId="10" fillId="2" borderId="1" xfId="0" applyFont="1" applyFill="1" applyBorder="1" applyAlignment="1">
      <alignment horizontal="center" vertical="center"/>
    </xf>
    <xf numFmtId="0" fontId="9" fillId="2" borderId="1" xfId="0" applyFont="1" applyFill="1" applyBorder="1" applyAlignment="1">
      <alignment horizontal="center" vertical="center" wrapText="1"/>
    </xf>
    <xf numFmtId="0" fontId="9" fillId="2" borderId="2" xfId="0" applyFont="1" applyFill="1" applyBorder="1" applyAlignment="1">
      <alignment horizontal="center"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www.mimamori.jp/" TargetMode="External"/><Relationship Id="rId18" Type="http://schemas.openxmlformats.org/officeDocument/2006/relationships/hyperlink" Target="http://www.iot-net.jp/" TargetMode="External"/><Relationship Id="rId26" Type="http://schemas.openxmlformats.org/officeDocument/2006/relationships/hyperlink" Target="http://www.post.japanpost.jp/life/mimamori/" TargetMode="External"/><Relationship Id="rId39" Type="http://schemas.openxmlformats.org/officeDocument/2006/relationships/hyperlink" Target="https://www.enrich.tokyo/" TargetMode="External"/><Relationship Id="rId21" Type="http://schemas.openxmlformats.org/officeDocument/2006/relationships/hyperlink" Target="http://fajpn.com/" TargetMode="External"/><Relationship Id="rId34" Type="http://schemas.openxmlformats.org/officeDocument/2006/relationships/hyperlink" Target="http://ibot-net.com/" TargetMode="External"/><Relationship Id="rId42" Type="http://schemas.openxmlformats.org/officeDocument/2006/relationships/hyperlink" Target="https://tri-as.co.jp/" TargetMode="External"/><Relationship Id="rId47" Type="http://schemas.openxmlformats.org/officeDocument/2006/relationships/hyperlink" Target="https://prtimes.jp/main/html/rd/p/000000007.000154370.html" TargetMode="External"/><Relationship Id="rId7" Type="http://schemas.openxmlformats.org/officeDocument/2006/relationships/hyperlink" Target="http://tsunagariplus.cocolomi.net/" TargetMode="External"/><Relationship Id="rId2" Type="http://schemas.openxmlformats.org/officeDocument/2006/relationships/hyperlink" Target="http://www.anzentaisaku.com/anpikakunin/index.htm" TargetMode="External"/><Relationship Id="rId16" Type="http://schemas.openxmlformats.org/officeDocument/2006/relationships/hyperlink" Target="http://www.mimamori24.com/" TargetMode="External"/><Relationship Id="rId29" Type="http://schemas.openxmlformats.org/officeDocument/2006/relationships/hyperlink" Target="http://www.ntt-tc.co.jp/tele_chan/" TargetMode="External"/><Relationship Id="rId11" Type="http://schemas.openxmlformats.org/officeDocument/2006/relationships/hyperlink" Target="https://www.liberty-mimasapo.com/" TargetMode="External"/><Relationship Id="rId24" Type="http://schemas.openxmlformats.org/officeDocument/2006/relationships/hyperlink" Target="https://www.we-are-csp.co.jp/tabid/366/Default.aspx" TargetMode="External"/><Relationship Id="rId32" Type="http://schemas.openxmlformats.org/officeDocument/2006/relationships/hyperlink" Target="http://life-brains.jp/" TargetMode="External"/><Relationship Id="rId37" Type="http://schemas.openxmlformats.org/officeDocument/2006/relationships/hyperlink" Target="https://www.mimamori-3s.com/" TargetMode="External"/><Relationship Id="rId40" Type="http://schemas.openxmlformats.org/officeDocument/2006/relationships/hyperlink" Target="https://cal-care.jp/" TargetMode="External"/><Relationship Id="rId45" Type="http://schemas.openxmlformats.org/officeDocument/2006/relationships/hyperlink" Target="https://www.yamori.co.jp/mimamoriyamori" TargetMode="External"/><Relationship Id="rId5" Type="http://schemas.openxmlformats.org/officeDocument/2006/relationships/hyperlink" Target="http://www.imairumo.com/" TargetMode="External"/><Relationship Id="rId15" Type="http://schemas.openxmlformats.org/officeDocument/2006/relationships/hyperlink" Target="http://www.anshin-anzen.com/san-flower/" TargetMode="External"/><Relationship Id="rId23" Type="http://schemas.openxmlformats.org/officeDocument/2006/relationships/hyperlink" Target="http://www.portal.kizuna-one.jp/" TargetMode="External"/><Relationship Id="rId28" Type="http://schemas.openxmlformats.org/officeDocument/2006/relationships/hyperlink" Target="http://www.mimamori.net/" TargetMode="External"/><Relationship Id="rId36" Type="http://schemas.openxmlformats.org/officeDocument/2006/relationships/hyperlink" Target="http://hinode.fem.jp/limen/limen.html" TargetMode="External"/><Relationship Id="rId49" Type="http://schemas.openxmlformats.org/officeDocument/2006/relationships/printerSettings" Target="../printerSettings/printerSettings1.bin"/><Relationship Id="rId10" Type="http://schemas.openxmlformats.org/officeDocument/2006/relationships/hyperlink" Target="http://www.artdata.co.jp/" TargetMode="External"/><Relationship Id="rId19" Type="http://schemas.openxmlformats.org/officeDocument/2006/relationships/hyperlink" Target="http://www.kizunaseikatsu.jp/" TargetMode="External"/><Relationship Id="rId31" Type="http://schemas.openxmlformats.org/officeDocument/2006/relationships/hyperlink" Target="http://www.cherrybpm.com/" TargetMode="External"/><Relationship Id="rId44" Type="http://schemas.openxmlformats.org/officeDocument/2006/relationships/hyperlink" Target="https://guard-i.co.jp/" TargetMode="External"/><Relationship Id="rId4" Type="http://schemas.openxmlformats.org/officeDocument/2006/relationships/hyperlink" Target="http://www.tokyu-security.co.jp/ps/senior/" TargetMode="External"/><Relationship Id="rId9" Type="http://schemas.openxmlformats.org/officeDocument/2006/relationships/hyperlink" Target="http://dream-sensor.com/" TargetMode="External"/><Relationship Id="rId14" Type="http://schemas.openxmlformats.org/officeDocument/2006/relationships/hyperlink" Target="https://www.nps-inc.jp/files/kaigo_mimamoro.pdf" TargetMode="External"/><Relationship Id="rId22" Type="http://schemas.openxmlformats.org/officeDocument/2006/relationships/hyperlink" Target="http://www.esuto.co.jp/" TargetMode="External"/><Relationship Id="rId27" Type="http://schemas.openxmlformats.org/officeDocument/2006/relationships/hyperlink" Target="https://kmiot.kmshimomura.com/" TargetMode="External"/><Relationship Id="rId30" Type="http://schemas.openxmlformats.org/officeDocument/2006/relationships/hyperlink" Target="http://www.machikyo.or.jp/koureisyakai/download/anshinhosyou_2016.pdf" TargetMode="External"/><Relationship Id="rId35" Type="http://schemas.openxmlformats.org/officeDocument/2006/relationships/hyperlink" Target="https://www.anatano-anshin.com/" TargetMode="External"/><Relationship Id="rId43" Type="http://schemas.openxmlformats.org/officeDocument/2006/relationships/hyperlink" Target="https://guard-i.co.jp/" TargetMode="External"/><Relationship Id="rId48" Type="http://schemas.openxmlformats.org/officeDocument/2006/relationships/hyperlink" Target="https://www.fleaiot.com/mamolite2/" TargetMode="External"/><Relationship Id="rId8" Type="http://schemas.openxmlformats.org/officeDocument/2006/relationships/hyperlink" Target="http://www.exceliebe.com/mimamorin/index.html" TargetMode="External"/><Relationship Id="rId3" Type="http://schemas.openxmlformats.org/officeDocument/2006/relationships/hyperlink" Target="http://www.alsok.co.jp/person/mimamori/" TargetMode="External"/><Relationship Id="rId12" Type="http://schemas.openxmlformats.org/officeDocument/2006/relationships/hyperlink" Target="http://www.aitosys.com/doashiru.html" TargetMode="External"/><Relationship Id="rId17" Type="http://schemas.openxmlformats.org/officeDocument/2006/relationships/hyperlink" Target="https://www.aivs.co.jp/watch_pri/" TargetMode="External"/><Relationship Id="rId25" Type="http://schemas.openxmlformats.org/officeDocument/2006/relationships/hyperlink" Target="http://mimamorinow.com/" TargetMode="External"/><Relationship Id="rId33" Type="http://schemas.openxmlformats.org/officeDocument/2006/relationships/hyperlink" Target="https://mirai-town.com/" TargetMode="External"/><Relationship Id="rId38" Type="http://schemas.openxmlformats.org/officeDocument/2006/relationships/hyperlink" Target="http://www.ninchisho-haikai-gps.com/" TargetMode="External"/><Relationship Id="rId46" Type="http://schemas.openxmlformats.org/officeDocument/2006/relationships/hyperlink" Target="http://www.meb.co.jp/" TargetMode="External"/><Relationship Id="rId20" Type="http://schemas.openxmlformats.org/officeDocument/2006/relationships/hyperlink" Target="http://www.mimamoro.biz/" TargetMode="External"/><Relationship Id="rId41" Type="http://schemas.openxmlformats.org/officeDocument/2006/relationships/hyperlink" Target="https://www.nitto-bscom.co.jp/home_security/" TargetMode="External"/><Relationship Id="rId1" Type="http://schemas.openxmlformats.org/officeDocument/2006/relationships/hyperlink" Target="http://www.netmil.jp/" TargetMode="External"/><Relationship Id="rId6" Type="http://schemas.openxmlformats.org/officeDocument/2006/relationships/hyperlink" Target="http://www.technosjapan.jp/product/tasca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A1:L58"/>
  <sheetViews>
    <sheetView tabSelected="1" view="pageBreakPreview" zoomScale="70" zoomScaleNormal="100" zoomScaleSheetLayoutView="70" workbookViewId="0">
      <pane xSplit="3" ySplit="3" topLeftCell="D57" activePane="bottomRight" state="frozen"/>
      <selection pane="topRight" activeCell="D1" sqref="D1"/>
      <selection pane="bottomLeft" activeCell="A4" sqref="A4"/>
      <selection pane="bottomRight" activeCell="N46" sqref="N46"/>
    </sheetView>
  </sheetViews>
  <sheetFormatPr defaultRowHeight="14.4" x14ac:dyDescent="0.2"/>
  <cols>
    <col min="1" max="1" width="3.3984375" style="30" customWidth="1"/>
    <col min="2" max="2" width="23.69921875" customWidth="1"/>
    <col min="3" max="3" width="22.69921875" customWidth="1"/>
    <col min="4" max="4" width="22.69921875" style="8" customWidth="1"/>
    <col min="5" max="5" width="14.69921875" style="1" customWidth="1"/>
    <col min="6" max="6" width="59.59765625" customWidth="1"/>
    <col min="7" max="12" width="6.5" customWidth="1"/>
  </cols>
  <sheetData>
    <row r="1" spans="1:12" ht="18.600000000000001" x14ac:dyDescent="0.2">
      <c r="A1" s="42"/>
      <c r="B1" s="41" t="s">
        <v>1</v>
      </c>
      <c r="C1" s="41" t="s">
        <v>2</v>
      </c>
      <c r="D1" s="43" t="s">
        <v>3</v>
      </c>
      <c r="E1" s="44" t="s">
        <v>272</v>
      </c>
      <c r="F1" s="41" t="s">
        <v>5</v>
      </c>
      <c r="G1" s="45" t="s">
        <v>260</v>
      </c>
      <c r="H1" s="46"/>
      <c r="I1" s="46"/>
      <c r="J1" s="46"/>
      <c r="K1" s="46"/>
      <c r="L1" s="47"/>
    </row>
    <row r="2" spans="1:12" ht="22.2" customHeight="1" x14ac:dyDescent="0.2">
      <c r="A2" s="42"/>
      <c r="B2" s="41"/>
      <c r="C2" s="41"/>
      <c r="D2" s="43"/>
      <c r="E2" s="44"/>
      <c r="F2" s="41"/>
      <c r="G2" s="40" t="s">
        <v>6</v>
      </c>
      <c r="H2" s="40"/>
      <c r="I2" s="40"/>
      <c r="J2" s="40" t="s">
        <v>8</v>
      </c>
      <c r="K2" s="40"/>
      <c r="L2" s="40"/>
    </row>
    <row r="3" spans="1:12" ht="38.4" customHeight="1" x14ac:dyDescent="0.2">
      <c r="A3" s="42"/>
      <c r="B3" s="41"/>
      <c r="C3" s="41"/>
      <c r="D3" s="43"/>
      <c r="E3" s="44"/>
      <c r="F3" s="41"/>
      <c r="G3" s="19" t="s">
        <v>264</v>
      </c>
      <c r="H3" s="19" t="s">
        <v>263</v>
      </c>
      <c r="I3" s="20" t="s">
        <v>261</v>
      </c>
      <c r="J3" s="20" t="s">
        <v>262</v>
      </c>
      <c r="K3" s="20" t="s">
        <v>265</v>
      </c>
      <c r="L3" s="21" t="s">
        <v>7</v>
      </c>
    </row>
    <row r="4" spans="1:12" ht="106.5" customHeight="1" x14ac:dyDescent="0.2">
      <c r="A4" s="29">
        <v>1</v>
      </c>
      <c r="B4" s="10" t="s">
        <v>97</v>
      </c>
      <c r="C4" s="10" t="s">
        <v>0</v>
      </c>
      <c r="D4" s="5" t="s">
        <v>181</v>
      </c>
      <c r="E4" s="31" t="s">
        <v>4</v>
      </c>
      <c r="F4" s="24" t="s">
        <v>133</v>
      </c>
      <c r="G4" s="9"/>
      <c r="H4" s="9" t="s">
        <v>233</v>
      </c>
      <c r="I4" s="9"/>
      <c r="J4" s="9"/>
      <c r="K4" s="9" t="s">
        <v>233</v>
      </c>
      <c r="L4" s="9"/>
    </row>
    <row r="5" spans="1:12" ht="110.25" customHeight="1" x14ac:dyDescent="0.2">
      <c r="A5" s="29">
        <v>2</v>
      </c>
      <c r="B5" s="10" t="s">
        <v>98</v>
      </c>
      <c r="C5" s="10" t="s">
        <v>9</v>
      </c>
      <c r="D5" s="3" t="s">
        <v>187</v>
      </c>
      <c r="E5" s="31" t="s">
        <v>99</v>
      </c>
      <c r="F5" s="24" t="s">
        <v>10</v>
      </c>
      <c r="G5" s="9"/>
      <c r="H5" s="9" t="s">
        <v>233</v>
      </c>
      <c r="I5" s="9"/>
      <c r="J5" s="9"/>
      <c r="K5" s="9" t="s">
        <v>233</v>
      </c>
      <c r="L5" s="9"/>
    </row>
    <row r="6" spans="1:12" ht="111" customHeight="1" x14ac:dyDescent="0.2">
      <c r="A6" s="29">
        <v>3</v>
      </c>
      <c r="B6" s="10" t="s">
        <v>87</v>
      </c>
      <c r="C6" s="10" t="s">
        <v>12</v>
      </c>
      <c r="D6" s="3" t="s">
        <v>188</v>
      </c>
      <c r="E6" s="31" t="s">
        <v>11</v>
      </c>
      <c r="F6" s="24" t="s">
        <v>88</v>
      </c>
      <c r="G6" s="9"/>
      <c r="H6" s="9"/>
      <c r="I6" s="9" t="s">
        <v>233</v>
      </c>
      <c r="J6" s="9" t="s">
        <v>233</v>
      </c>
      <c r="K6" s="9"/>
      <c r="L6" s="9"/>
    </row>
    <row r="7" spans="1:12" ht="110.25" customHeight="1" x14ac:dyDescent="0.2">
      <c r="A7" s="29">
        <v>4</v>
      </c>
      <c r="B7" s="10" t="s">
        <v>189</v>
      </c>
      <c r="C7" s="10" t="s">
        <v>13</v>
      </c>
      <c r="D7" s="3" t="s">
        <v>190</v>
      </c>
      <c r="E7" s="31" t="s">
        <v>14</v>
      </c>
      <c r="F7" s="24" t="s">
        <v>89</v>
      </c>
      <c r="G7" s="9" t="s">
        <v>233</v>
      </c>
      <c r="H7" s="9"/>
      <c r="I7" s="9" t="s">
        <v>233</v>
      </c>
      <c r="J7" s="9" t="s">
        <v>233</v>
      </c>
      <c r="K7" s="9" t="s">
        <v>233</v>
      </c>
      <c r="L7" s="9" t="s">
        <v>233</v>
      </c>
    </row>
    <row r="8" spans="1:12" ht="156" customHeight="1" x14ac:dyDescent="0.2">
      <c r="A8" s="29">
        <v>5</v>
      </c>
      <c r="B8" s="10" t="s">
        <v>15</v>
      </c>
      <c r="C8" s="10" t="s">
        <v>16</v>
      </c>
      <c r="D8" s="3" t="s">
        <v>100</v>
      </c>
      <c r="E8" s="31" t="s">
        <v>17</v>
      </c>
      <c r="F8" s="24" t="s">
        <v>101</v>
      </c>
      <c r="G8" s="9" t="s">
        <v>233</v>
      </c>
      <c r="H8" s="9" t="s">
        <v>233</v>
      </c>
      <c r="I8" s="9" t="s">
        <v>233</v>
      </c>
      <c r="J8" s="9" t="s">
        <v>233</v>
      </c>
      <c r="K8" s="9" t="s">
        <v>233</v>
      </c>
      <c r="L8" s="9" t="s">
        <v>233</v>
      </c>
    </row>
    <row r="9" spans="1:12" ht="110.25" customHeight="1" x14ac:dyDescent="0.2">
      <c r="A9" s="29">
        <v>6</v>
      </c>
      <c r="B9" s="10" t="s">
        <v>18</v>
      </c>
      <c r="C9" s="10" t="s">
        <v>19</v>
      </c>
      <c r="D9" s="3" t="s">
        <v>191</v>
      </c>
      <c r="E9" s="31" t="s">
        <v>20</v>
      </c>
      <c r="F9" s="24" t="s">
        <v>21</v>
      </c>
      <c r="G9" s="9" t="s">
        <v>233</v>
      </c>
      <c r="H9" s="9" t="s">
        <v>233</v>
      </c>
      <c r="I9" s="9" t="s">
        <v>233</v>
      </c>
      <c r="J9" s="9"/>
      <c r="K9" s="9" t="s">
        <v>233</v>
      </c>
      <c r="L9" s="9"/>
    </row>
    <row r="10" spans="1:12" ht="69" customHeight="1" x14ac:dyDescent="0.2">
      <c r="A10" s="29">
        <v>7</v>
      </c>
      <c r="B10" s="10" t="s">
        <v>22</v>
      </c>
      <c r="C10" s="10" t="s">
        <v>23</v>
      </c>
      <c r="D10" s="3" t="s">
        <v>134</v>
      </c>
      <c r="E10" s="31" t="s">
        <v>24</v>
      </c>
      <c r="F10" s="24" t="s">
        <v>25</v>
      </c>
      <c r="G10" s="9"/>
      <c r="H10" s="9" t="s">
        <v>233</v>
      </c>
      <c r="I10" s="9"/>
      <c r="J10" s="9"/>
      <c r="K10" s="9" t="s">
        <v>233</v>
      </c>
      <c r="L10" s="9"/>
    </row>
    <row r="11" spans="1:12" ht="140.25" customHeight="1" x14ac:dyDescent="0.2">
      <c r="A11" s="29">
        <v>8</v>
      </c>
      <c r="B11" s="10" t="s">
        <v>102</v>
      </c>
      <c r="C11" s="10" t="s">
        <v>26</v>
      </c>
      <c r="D11" s="3" t="s">
        <v>103</v>
      </c>
      <c r="E11" s="31" t="s">
        <v>27</v>
      </c>
      <c r="F11" s="24" t="s">
        <v>28</v>
      </c>
      <c r="G11" s="9" t="s">
        <v>233</v>
      </c>
      <c r="H11" s="9"/>
      <c r="I11" s="9" t="s">
        <v>233</v>
      </c>
      <c r="J11" s="9"/>
      <c r="K11" s="9" t="s">
        <v>233</v>
      </c>
      <c r="L11" s="9"/>
    </row>
    <row r="12" spans="1:12" ht="195.6" customHeight="1" x14ac:dyDescent="0.2">
      <c r="A12" s="29">
        <v>9</v>
      </c>
      <c r="B12" s="10" t="s">
        <v>192</v>
      </c>
      <c r="C12" s="10" t="s">
        <v>29</v>
      </c>
      <c r="D12" s="3" t="s">
        <v>193</v>
      </c>
      <c r="E12" s="31" t="s">
        <v>30</v>
      </c>
      <c r="F12" s="24" t="s">
        <v>104</v>
      </c>
      <c r="G12" s="9" t="s">
        <v>233</v>
      </c>
      <c r="H12" s="9"/>
      <c r="I12" s="9"/>
      <c r="J12" s="9"/>
      <c r="K12" s="9" t="s">
        <v>233</v>
      </c>
      <c r="L12" s="9"/>
    </row>
    <row r="13" spans="1:12" ht="110.25" customHeight="1" x14ac:dyDescent="0.2">
      <c r="A13" s="29">
        <v>10</v>
      </c>
      <c r="B13" s="10" t="s">
        <v>31</v>
      </c>
      <c r="C13" s="10" t="s">
        <v>105</v>
      </c>
      <c r="D13" s="3" t="s">
        <v>106</v>
      </c>
      <c r="E13" s="31" t="s">
        <v>32</v>
      </c>
      <c r="F13" s="24" t="s">
        <v>107</v>
      </c>
      <c r="G13" s="9" t="s">
        <v>233</v>
      </c>
      <c r="H13" s="9" t="s">
        <v>233</v>
      </c>
      <c r="I13" s="9" t="s">
        <v>233</v>
      </c>
      <c r="J13" s="9" t="s">
        <v>233</v>
      </c>
      <c r="K13" s="9" t="s">
        <v>233</v>
      </c>
      <c r="L13" s="9" t="s">
        <v>233</v>
      </c>
    </row>
    <row r="14" spans="1:12" ht="110.25" customHeight="1" x14ac:dyDescent="0.2">
      <c r="A14" s="29">
        <v>11</v>
      </c>
      <c r="B14" s="10" t="s">
        <v>33</v>
      </c>
      <c r="C14" s="10" t="s">
        <v>34</v>
      </c>
      <c r="D14" s="3" t="s">
        <v>182</v>
      </c>
      <c r="E14" s="31" t="s">
        <v>35</v>
      </c>
      <c r="F14" s="24" t="s">
        <v>108</v>
      </c>
      <c r="G14" s="9" t="s">
        <v>233</v>
      </c>
      <c r="H14" s="9"/>
      <c r="I14" s="9" t="s">
        <v>233</v>
      </c>
      <c r="J14" s="9"/>
      <c r="K14" s="9"/>
      <c r="L14" s="9" t="s">
        <v>233</v>
      </c>
    </row>
    <row r="15" spans="1:12" ht="81" customHeight="1" x14ac:dyDescent="0.2">
      <c r="A15" s="29">
        <v>12</v>
      </c>
      <c r="B15" s="10" t="s">
        <v>36</v>
      </c>
      <c r="C15" s="10" t="s">
        <v>37</v>
      </c>
      <c r="D15" s="3" t="s">
        <v>194</v>
      </c>
      <c r="E15" s="31" t="s">
        <v>38</v>
      </c>
      <c r="F15" s="24" t="s">
        <v>85</v>
      </c>
      <c r="G15" s="9" t="s">
        <v>233</v>
      </c>
      <c r="H15" s="9" t="s">
        <v>233</v>
      </c>
      <c r="I15" s="9"/>
      <c r="J15" s="9" t="s">
        <v>233</v>
      </c>
      <c r="K15" s="9" t="s">
        <v>233</v>
      </c>
      <c r="L15" s="9"/>
    </row>
    <row r="16" spans="1:12" ht="121.8" customHeight="1" x14ac:dyDescent="0.2">
      <c r="A16" s="29">
        <v>13</v>
      </c>
      <c r="B16" s="11" t="s">
        <v>39</v>
      </c>
      <c r="C16" s="11" t="s">
        <v>90</v>
      </c>
      <c r="D16" s="3" t="s">
        <v>195</v>
      </c>
      <c r="E16" s="31" t="s">
        <v>40</v>
      </c>
      <c r="F16" s="24" t="s">
        <v>41</v>
      </c>
      <c r="G16" s="9"/>
      <c r="H16" s="9"/>
      <c r="I16" s="9" t="s">
        <v>233</v>
      </c>
      <c r="J16" s="9"/>
      <c r="K16" s="9" t="s">
        <v>233</v>
      </c>
      <c r="L16" s="9"/>
    </row>
    <row r="17" spans="1:12" ht="147" customHeight="1" x14ac:dyDescent="0.2">
      <c r="A17" s="29">
        <v>14</v>
      </c>
      <c r="B17" s="10" t="s">
        <v>42</v>
      </c>
      <c r="C17" s="10" t="s">
        <v>43</v>
      </c>
      <c r="D17" s="3" t="s">
        <v>196</v>
      </c>
      <c r="E17" s="31" t="s">
        <v>109</v>
      </c>
      <c r="F17" s="24" t="s">
        <v>131</v>
      </c>
      <c r="G17" s="9"/>
      <c r="H17" s="9"/>
      <c r="I17" s="9" t="s">
        <v>233</v>
      </c>
      <c r="J17" s="9"/>
      <c r="K17" s="9" t="s">
        <v>233</v>
      </c>
      <c r="L17" s="9"/>
    </row>
    <row r="18" spans="1:12" ht="154.19999999999999" customHeight="1" x14ac:dyDescent="0.2">
      <c r="A18" s="29">
        <v>15</v>
      </c>
      <c r="B18" s="10" t="s">
        <v>183</v>
      </c>
      <c r="C18" s="10" t="s">
        <v>44</v>
      </c>
      <c r="D18" s="4" t="s">
        <v>197</v>
      </c>
      <c r="E18" s="31" t="s">
        <v>45</v>
      </c>
      <c r="F18" s="24" t="s">
        <v>198</v>
      </c>
      <c r="G18" s="9" t="s">
        <v>233</v>
      </c>
      <c r="H18" s="9"/>
      <c r="I18" s="9"/>
      <c r="J18" s="9"/>
      <c r="K18" s="9" t="s">
        <v>233</v>
      </c>
      <c r="L18" s="9" t="s">
        <v>233</v>
      </c>
    </row>
    <row r="19" spans="1:12" ht="142.5" customHeight="1" x14ac:dyDescent="0.2">
      <c r="A19" s="29">
        <v>16</v>
      </c>
      <c r="B19" s="10" t="s">
        <v>110</v>
      </c>
      <c r="C19" s="10" t="s">
        <v>46</v>
      </c>
      <c r="D19" s="3" t="s">
        <v>199</v>
      </c>
      <c r="E19" s="31" t="s">
        <v>47</v>
      </c>
      <c r="F19" s="24" t="s">
        <v>48</v>
      </c>
      <c r="G19" s="9" t="s">
        <v>233</v>
      </c>
      <c r="H19" s="9"/>
      <c r="I19" s="9" t="s">
        <v>233</v>
      </c>
      <c r="J19" s="9"/>
      <c r="K19" s="9" t="s">
        <v>233</v>
      </c>
      <c r="L19" s="9"/>
    </row>
    <row r="20" spans="1:12" ht="226.2" customHeight="1" x14ac:dyDescent="0.2">
      <c r="A20" s="29">
        <v>17</v>
      </c>
      <c r="B20" s="10" t="s">
        <v>111</v>
      </c>
      <c r="C20" s="10" t="s">
        <v>49</v>
      </c>
      <c r="D20" s="3" t="s">
        <v>200</v>
      </c>
      <c r="E20" s="31" t="s">
        <v>50</v>
      </c>
      <c r="F20" s="24" t="s">
        <v>234</v>
      </c>
      <c r="G20" s="9" t="s">
        <v>233</v>
      </c>
      <c r="H20" s="9" t="s">
        <v>233</v>
      </c>
      <c r="I20" s="9" t="s">
        <v>233</v>
      </c>
      <c r="J20" s="9"/>
      <c r="K20" s="9" t="s">
        <v>233</v>
      </c>
      <c r="L20" s="9"/>
    </row>
    <row r="21" spans="1:12" ht="122.25" customHeight="1" x14ac:dyDescent="0.2">
      <c r="A21" s="29">
        <v>18</v>
      </c>
      <c r="B21" s="10" t="s">
        <v>132</v>
      </c>
      <c r="C21" s="10" t="s">
        <v>51</v>
      </c>
      <c r="D21" s="3" t="s">
        <v>112</v>
      </c>
      <c r="E21" s="31" t="s">
        <v>52</v>
      </c>
      <c r="F21" s="24" t="s">
        <v>113</v>
      </c>
      <c r="G21" s="9" t="s">
        <v>233</v>
      </c>
      <c r="H21" s="9" t="s">
        <v>233</v>
      </c>
      <c r="I21" s="9" t="s">
        <v>233</v>
      </c>
      <c r="J21" s="9" t="s">
        <v>233</v>
      </c>
      <c r="K21" s="9" t="s">
        <v>233</v>
      </c>
      <c r="L21" s="9" t="s">
        <v>233</v>
      </c>
    </row>
    <row r="22" spans="1:12" ht="126" customHeight="1" x14ac:dyDescent="0.2">
      <c r="A22" s="29">
        <v>19</v>
      </c>
      <c r="B22" s="10" t="s">
        <v>96</v>
      </c>
      <c r="C22" s="10" t="s">
        <v>53</v>
      </c>
      <c r="D22" s="3" t="s">
        <v>201</v>
      </c>
      <c r="E22" s="31" t="s">
        <v>54</v>
      </c>
      <c r="F22" s="24" t="s">
        <v>91</v>
      </c>
      <c r="G22" s="9" t="s">
        <v>233</v>
      </c>
      <c r="H22" s="9"/>
      <c r="I22" s="9" t="s">
        <v>233</v>
      </c>
      <c r="J22" s="9" t="s">
        <v>233</v>
      </c>
      <c r="K22" s="9" t="s">
        <v>233</v>
      </c>
      <c r="L22" s="9"/>
    </row>
    <row r="23" spans="1:12" ht="108.75" customHeight="1" x14ac:dyDescent="0.2">
      <c r="A23" s="29">
        <v>20</v>
      </c>
      <c r="B23" s="10" t="s">
        <v>92</v>
      </c>
      <c r="C23" s="10" t="s">
        <v>55</v>
      </c>
      <c r="D23" s="3" t="s">
        <v>56</v>
      </c>
      <c r="E23" s="31" t="s">
        <v>57</v>
      </c>
      <c r="F23" s="24" t="s">
        <v>235</v>
      </c>
      <c r="G23" s="9"/>
      <c r="H23" s="9"/>
      <c r="I23" s="9" t="s">
        <v>233</v>
      </c>
      <c r="J23" s="9"/>
      <c r="K23" s="9" t="s">
        <v>233</v>
      </c>
      <c r="L23" s="9"/>
    </row>
    <row r="24" spans="1:12" ht="129.6" x14ac:dyDescent="0.2">
      <c r="A24" s="29">
        <v>21</v>
      </c>
      <c r="B24" s="10" t="s">
        <v>58</v>
      </c>
      <c r="C24" s="10" t="s">
        <v>59</v>
      </c>
      <c r="D24" s="3" t="s">
        <v>114</v>
      </c>
      <c r="E24" s="31" t="s">
        <v>60</v>
      </c>
      <c r="F24" s="24" t="s">
        <v>93</v>
      </c>
      <c r="G24" s="9"/>
      <c r="H24" s="9"/>
      <c r="I24" s="9" t="s">
        <v>233</v>
      </c>
      <c r="J24" s="9" t="s">
        <v>233</v>
      </c>
      <c r="K24" s="9" t="s">
        <v>233</v>
      </c>
      <c r="L24" s="9"/>
    </row>
    <row r="25" spans="1:12" ht="121.8" customHeight="1" x14ac:dyDescent="0.2">
      <c r="A25" s="29">
        <v>22</v>
      </c>
      <c r="B25" s="10" t="s">
        <v>61</v>
      </c>
      <c r="C25" s="10" t="s">
        <v>62</v>
      </c>
      <c r="D25" s="3" t="s">
        <v>202</v>
      </c>
      <c r="E25" s="31" t="s">
        <v>63</v>
      </c>
      <c r="F25" s="24" t="s">
        <v>64</v>
      </c>
      <c r="G25" s="9"/>
      <c r="H25" s="9"/>
      <c r="I25" s="9" t="s">
        <v>233</v>
      </c>
      <c r="J25" s="9"/>
      <c r="K25" s="9" t="s">
        <v>233</v>
      </c>
      <c r="L25" s="9"/>
    </row>
    <row r="26" spans="1:12" ht="110.25" customHeight="1" x14ac:dyDescent="0.2">
      <c r="A26" s="29">
        <v>23</v>
      </c>
      <c r="B26" s="10" t="s">
        <v>203</v>
      </c>
      <c r="C26" s="10" t="s">
        <v>70</v>
      </c>
      <c r="D26" s="3" t="s">
        <v>204</v>
      </c>
      <c r="E26" s="31" t="s">
        <v>69</v>
      </c>
      <c r="F26" s="24" t="s">
        <v>115</v>
      </c>
      <c r="G26" s="9" t="s">
        <v>233</v>
      </c>
      <c r="H26" s="9" t="s">
        <v>233</v>
      </c>
      <c r="I26" s="9" t="s">
        <v>233</v>
      </c>
      <c r="J26" s="9"/>
      <c r="K26" s="9" t="s">
        <v>233</v>
      </c>
      <c r="L26" s="9"/>
    </row>
    <row r="27" spans="1:12" ht="70.5" customHeight="1" x14ac:dyDescent="0.2">
      <c r="A27" s="29">
        <v>24</v>
      </c>
      <c r="B27" s="10" t="s">
        <v>65</v>
      </c>
      <c r="C27" s="10" t="s">
        <v>66</v>
      </c>
      <c r="D27" s="3" t="s">
        <v>205</v>
      </c>
      <c r="E27" s="31" t="s">
        <v>67</v>
      </c>
      <c r="F27" s="24" t="s">
        <v>68</v>
      </c>
      <c r="G27" s="9" t="s">
        <v>233</v>
      </c>
      <c r="H27" s="9" t="s">
        <v>233</v>
      </c>
      <c r="I27" s="9" t="s">
        <v>233</v>
      </c>
      <c r="J27" s="9" t="s">
        <v>233</v>
      </c>
      <c r="K27" s="9" t="s">
        <v>233</v>
      </c>
      <c r="L27" s="9" t="s">
        <v>233</v>
      </c>
    </row>
    <row r="28" spans="1:12" ht="150" customHeight="1" x14ac:dyDescent="0.2">
      <c r="A28" s="29">
        <v>25</v>
      </c>
      <c r="B28" s="10" t="s">
        <v>206</v>
      </c>
      <c r="C28" s="10" t="s">
        <v>71</v>
      </c>
      <c r="D28" s="3" t="s">
        <v>207</v>
      </c>
      <c r="E28" s="31" t="s">
        <v>72</v>
      </c>
      <c r="F28" s="24" t="s">
        <v>86</v>
      </c>
      <c r="G28" s="9"/>
      <c r="H28" s="9"/>
      <c r="I28" s="9" t="s">
        <v>233</v>
      </c>
      <c r="J28" s="9"/>
      <c r="K28" s="9" t="s">
        <v>233</v>
      </c>
      <c r="L28" s="9"/>
    </row>
    <row r="29" spans="1:12" ht="225.75" customHeight="1" x14ac:dyDescent="0.2">
      <c r="A29" s="29">
        <v>26</v>
      </c>
      <c r="B29" s="10" t="s">
        <v>116</v>
      </c>
      <c r="C29" s="10" t="s">
        <v>73</v>
      </c>
      <c r="D29" s="3" t="s">
        <v>152</v>
      </c>
      <c r="E29" s="31" t="s">
        <v>117</v>
      </c>
      <c r="F29" s="24" t="s">
        <v>118</v>
      </c>
      <c r="G29" s="9"/>
      <c r="H29" s="9"/>
      <c r="I29" s="9" t="s">
        <v>233</v>
      </c>
      <c r="J29" s="9"/>
      <c r="K29" s="9" t="s">
        <v>233</v>
      </c>
      <c r="L29" s="9"/>
    </row>
    <row r="30" spans="1:12" ht="142.5" customHeight="1" x14ac:dyDescent="0.2">
      <c r="A30" s="29">
        <v>27</v>
      </c>
      <c r="B30" s="10" t="s">
        <v>119</v>
      </c>
      <c r="C30" s="10" t="s">
        <v>74</v>
      </c>
      <c r="D30" s="3" t="s">
        <v>208</v>
      </c>
      <c r="E30" s="31" t="s">
        <v>75</v>
      </c>
      <c r="F30" s="24" t="s">
        <v>120</v>
      </c>
      <c r="G30" s="9"/>
      <c r="H30" s="9"/>
      <c r="I30" s="9" t="s">
        <v>233</v>
      </c>
      <c r="J30" s="9"/>
      <c r="K30" s="9" t="s">
        <v>233</v>
      </c>
      <c r="L30" s="9"/>
    </row>
    <row r="31" spans="1:12" ht="103.5" customHeight="1" x14ac:dyDescent="0.2">
      <c r="A31" s="29">
        <v>28</v>
      </c>
      <c r="B31" s="10" t="s">
        <v>209</v>
      </c>
      <c r="C31" s="10" t="s">
        <v>76</v>
      </c>
      <c r="D31" s="3" t="s">
        <v>210</v>
      </c>
      <c r="E31" s="31" t="s">
        <v>94</v>
      </c>
      <c r="F31" s="24" t="s">
        <v>95</v>
      </c>
      <c r="G31" s="9" t="s">
        <v>233</v>
      </c>
      <c r="H31" s="9"/>
      <c r="I31" s="9" t="s">
        <v>233</v>
      </c>
      <c r="J31" s="9" t="s">
        <v>233</v>
      </c>
      <c r="K31" s="9" t="s">
        <v>233</v>
      </c>
      <c r="L31" s="9"/>
    </row>
    <row r="32" spans="1:12" ht="232.2" customHeight="1" x14ac:dyDescent="0.2">
      <c r="A32" s="29">
        <v>29</v>
      </c>
      <c r="B32" s="10" t="s">
        <v>77</v>
      </c>
      <c r="C32" s="10" t="s">
        <v>78</v>
      </c>
      <c r="D32" s="3" t="s">
        <v>135</v>
      </c>
      <c r="E32" s="31" t="s">
        <v>79</v>
      </c>
      <c r="F32" s="24" t="s">
        <v>136</v>
      </c>
      <c r="G32" s="9" t="s">
        <v>233</v>
      </c>
      <c r="H32" s="9" t="s">
        <v>233</v>
      </c>
      <c r="I32" s="9" t="s">
        <v>233</v>
      </c>
      <c r="J32" s="9" t="s">
        <v>233</v>
      </c>
      <c r="K32" s="9" t="s">
        <v>233</v>
      </c>
      <c r="L32" s="9" t="s">
        <v>233</v>
      </c>
    </row>
    <row r="33" spans="1:12" ht="103.5" customHeight="1" x14ac:dyDescent="0.2">
      <c r="A33" s="29">
        <v>30</v>
      </c>
      <c r="B33" s="10" t="s">
        <v>80</v>
      </c>
      <c r="C33" s="10" t="s">
        <v>211</v>
      </c>
      <c r="D33" s="3" t="s">
        <v>184</v>
      </c>
      <c r="E33" s="31" t="s">
        <v>81</v>
      </c>
      <c r="F33" s="24" t="s">
        <v>212</v>
      </c>
      <c r="G33" s="9" t="s">
        <v>233</v>
      </c>
      <c r="H33" s="9"/>
      <c r="I33" s="9"/>
      <c r="J33" s="9" t="s">
        <v>233</v>
      </c>
      <c r="K33" s="9"/>
      <c r="L33" s="9" t="s">
        <v>233</v>
      </c>
    </row>
    <row r="34" spans="1:12" ht="102.75" customHeight="1" x14ac:dyDescent="0.2">
      <c r="A34" s="29">
        <v>31</v>
      </c>
      <c r="B34" s="10" t="s">
        <v>82</v>
      </c>
      <c r="C34" s="10" t="s">
        <v>213</v>
      </c>
      <c r="D34" s="3" t="s">
        <v>214</v>
      </c>
      <c r="E34" s="31" t="s">
        <v>83</v>
      </c>
      <c r="F34" s="24" t="s">
        <v>84</v>
      </c>
      <c r="G34" s="9"/>
      <c r="H34" s="9"/>
      <c r="I34" s="9" t="s">
        <v>233</v>
      </c>
      <c r="J34" s="9"/>
      <c r="K34" s="9" t="s">
        <v>233</v>
      </c>
      <c r="L34" s="9"/>
    </row>
    <row r="35" spans="1:12" ht="114.6" customHeight="1" x14ac:dyDescent="0.2">
      <c r="A35" s="29">
        <v>32</v>
      </c>
      <c r="B35" s="10" t="s">
        <v>121</v>
      </c>
      <c r="C35" s="10" t="s">
        <v>122</v>
      </c>
      <c r="D35" s="3" t="s">
        <v>185</v>
      </c>
      <c r="E35" s="31" t="s">
        <v>123</v>
      </c>
      <c r="F35" s="25" t="s">
        <v>124</v>
      </c>
      <c r="G35" s="9" t="s">
        <v>233</v>
      </c>
      <c r="H35" s="9"/>
      <c r="I35" s="9" t="s">
        <v>233</v>
      </c>
      <c r="J35" s="9" t="s">
        <v>233</v>
      </c>
      <c r="K35" s="9" t="s">
        <v>233</v>
      </c>
      <c r="L35" s="9" t="s">
        <v>233</v>
      </c>
    </row>
    <row r="36" spans="1:12" ht="198" customHeight="1" x14ac:dyDescent="0.2">
      <c r="A36" s="29">
        <v>33</v>
      </c>
      <c r="B36" s="10" t="s">
        <v>125</v>
      </c>
      <c r="C36" s="10" t="s">
        <v>126</v>
      </c>
      <c r="D36" s="3" t="s">
        <v>127</v>
      </c>
      <c r="E36" s="31" t="s">
        <v>128</v>
      </c>
      <c r="F36" s="26" t="s">
        <v>236</v>
      </c>
      <c r="G36" s="9" t="s">
        <v>233</v>
      </c>
      <c r="H36" s="9"/>
      <c r="I36" s="9"/>
      <c r="J36" s="9"/>
      <c r="K36" s="9" t="s">
        <v>233</v>
      </c>
      <c r="L36" s="9"/>
    </row>
    <row r="37" spans="1:12" ht="124.5" customHeight="1" x14ac:dyDescent="0.2">
      <c r="A37" s="29">
        <v>34</v>
      </c>
      <c r="B37" s="10" t="s">
        <v>215</v>
      </c>
      <c r="C37" s="12" t="s">
        <v>216</v>
      </c>
      <c r="D37" s="3" t="s">
        <v>129</v>
      </c>
      <c r="E37" s="31" t="s">
        <v>130</v>
      </c>
      <c r="F37" s="26" t="s">
        <v>217</v>
      </c>
      <c r="G37" s="9" t="s">
        <v>233</v>
      </c>
      <c r="H37" s="9"/>
      <c r="I37" s="9" t="s">
        <v>233</v>
      </c>
      <c r="J37" s="9"/>
      <c r="K37" s="9" t="s">
        <v>233</v>
      </c>
      <c r="L37" s="9"/>
    </row>
    <row r="38" spans="1:12" ht="110.4" customHeight="1" x14ac:dyDescent="0.2">
      <c r="A38" s="29">
        <v>35</v>
      </c>
      <c r="B38" s="12" t="s">
        <v>137</v>
      </c>
      <c r="C38" s="12" t="s">
        <v>138</v>
      </c>
      <c r="D38" s="7" t="s">
        <v>139</v>
      </c>
      <c r="E38" s="31" t="s">
        <v>140</v>
      </c>
      <c r="F38" s="26" t="s">
        <v>141</v>
      </c>
      <c r="G38" s="9"/>
      <c r="H38" s="9" t="s">
        <v>233</v>
      </c>
      <c r="I38" s="9" t="s">
        <v>233</v>
      </c>
      <c r="J38" s="9"/>
      <c r="K38" s="9" t="s">
        <v>233</v>
      </c>
      <c r="L38" s="9"/>
    </row>
    <row r="39" spans="1:12" ht="153" customHeight="1" x14ac:dyDescent="0.2">
      <c r="A39" s="29">
        <v>36</v>
      </c>
      <c r="B39" s="13" t="s">
        <v>142</v>
      </c>
      <c r="C39" s="14" t="s">
        <v>143</v>
      </c>
      <c r="D39" s="3" t="s">
        <v>144</v>
      </c>
      <c r="E39" s="32" t="s">
        <v>145</v>
      </c>
      <c r="F39" s="27" t="s">
        <v>146</v>
      </c>
      <c r="G39" s="9"/>
      <c r="H39" s="9"/>
      <c r="I39" s="22" t="s">
        <v>233</v>
      </c>
      <c r="J39" s="9"/>
      <c r="K39" s="22" t="s">
        <v>233</v>
      </c>
      <c r="L39" s="9"/>
    </row>
    <row r="40" spans="1:12" ht="117" customHeight="1" x14ac:dyDescent="0.2">
      <c r="A40" s="29">
        <v>37</v>
      </c>
      <c r="B40" s="13" t="s">
        <v>147</v>
      </c>
      <c r="C40" s="14" t="s">
        <v>148</v>
      </c>
      <c r="D40" s="3" t="s">
        <v>151</v>
      </c>
      <c r="E40" s="32" t="s">
        <v>149</v>
      </c>
      <c r="F40" s="28" t="s">
        <v>150</v>
      </c>
      <c r="G40" s="9" t="s">
        <v>233</v>
      </c>
      <c r="H40" s="9" t="s">
        <v>233</v>
      </c>
      <c r="I40" s="22"/>
      <c r="J40" s="9"/>
      <c r="K40" s="9" t="s">
        <v>233</v>
      </c>
      <c r="L40" s="9"/>
    </row>
    <row r="41" spans="1:12" ht="154.80000000000001" customHeight="1" x14ac:dyDescent="0.2">
      <c r="A41" s="29">
        <v>38</v>
      </c>
      <c r="B41" s="15" t="s">
        <v>154</v>
      </c>
      <c r="C41" s="15" t="s">
        <v>155</v>
      </c>
      <c r="D41" s="3" t="s">
        <v>153</v>
      </c>
      <c r="E41" s="33" t="s">
        <v>157</v>
      </c>
      <c r="F41" s="15" t="s">
        <v>156</v>
      </c>
      <c r="G41" s="9" t="s">
        <v>233</v>
      </c>
      <c r="H41" s="9"/>
      <c r="I41" s="9"/>
      <c r="J41" s="9"/>
      <c r="K41" s="9" t="s">
        <v>233</v>
      </c>
      <c r="L41" s="9"/>
    </row>
    <row r="42" spans="1:12" ht="189.6" customHeight="1" x14ac:dyDescent="0.2">
      <c r="A42" s="29">
        <v>39</v>
      </c>
      <c r="B42" s="15" t="s">
        <v>159</v>
      </c>
      <c r="C42" s="15" t="s">
        <v>158</v>
      </c>
      <c r="D42" s="3" t="s">
        <v>186</v>
      </c>
      <c r="E42" s="34" t="s">
        <v>160</v>
      </c>
      <c r="F42" s="15" t="s">
        <v>161</v>
      </c>
      <c r="G42" s="9" t="s">
        <v>233</v>
      </c>
      <c r="H42" s="9"/>
      <c r="I42" s="9"/>
      <c r="J42" s="9" t="s">
        <v>233</v>
      </c>
      <c r="K42" s="9" t="s">
        <v>233</v>
      </c>
      <c r="L42" s="9"/>
    </row>
    <row r="43" spans="1:12" ht="261.60000000000002" customHeight="1" x14ac:dyDescent="0.2">
      <c r="A43" s="29">
        <v>40</v>
      </c>
      <c r="B43" s="15" t="s">
        <v>162</v>
      </c>
      <c r="C43" s="15" t="s">
        <v>163</v>
      </c>
      <c r="D43" s="37" t="s">
        <v>164</v>
      </c>
      <c r="E43" s="34" t="s">
        <v>165</v>
      </c>
      <c r="F43" s="15" t="s">
        <v>218</v>
      </c>
      <c r="G43" s="9"/>
      <c r="H43" s="9" t="s">
        <v>233</v>
      </c>
      <c r="I43" s="9" t="s">
        <v>233</v>
      </c>
      <c r="J43" s="9"/>
      <c r="K43" s="9" t="s">
        <v>233</v>
      </c>
      <c r="L43" s="9"/>
    </row>
    <row r="44" spans="1:12" ht="192.45" customHeight="1" x14ac:dyDescent="0.2">
      <c r="A44" s="29">
        <v>41</v>
      </c>
      <c r="B44" s="16" t="s">
        <v>219</v>
      </c>
      <c r="C44" s="16" t="s">
        <v>166</v>
      </c>
      <c r="D44" s="37" t="s">
        <v>168</v>
      </c>
      <c r="E44" s="34" t="s">
        <v>167</v>
      </c>
      <c r="F44" s="16" t="s">
        <v>237</v>
      </c>
      <c r="G44" s="9" t="s">
        <v>233</v>
      </c>
      <c r="H44" s="9"/>
      <c r="I44" s="9" t="s">
        <v>233</v>
      </c>
      <c r="J44" s="9" t="s">
        <v>233</v>
      </c>
      <c r="K44" s="9"/>
      <c r="L44" s="9" t="s">
        <v>233</v>
      </c>
    </row>
    <row r="45" spans="1:12" ht="115.2" x14ac:dyDescent="0.2">
      <c r="A45" s="29">
        <v>42</v>
      </c>
      <c r="B45" s="16" t="s">
        <v>169</v>
      </c>
      <c r="C45" s="16" t="s">
        <v>220</v>
      </c>
      <c r="D45" s="2" t="s">
        <v>170</v>
      </c>
      <c r="E45" s="35" t="s">
        <v>171</v>
      </c>
      <c r="F45" s="15" t="s">
        <v>172</v>
      </c>
      <c r="G45" s="9"/>
      <c r="H45" s="9"/>
      <c r="I45" s="9" t="s">
        <v>233</v>
      </c>
      <c r="J45" s="9" t="s">
        <v>233</v>
      </c>
      <c r="K45" s="22" t="s">
        <v>233</v>
      </c>
      <c r="L45" s="9"/>
    </row>
    <row r="46" spans="1:12" ht="144" x14ac:dyDescent="0.2">
      <c r="A46" s="29">
        <v>43</v>
      </c>
      <c r="B46" s="16" t="s">
        <v>173</v>
      </c>
      <c r="C46" s="16" t="s">
        <v>174</v>
      </c>
      <c r="D46" s="6" t="s">
        <v>176</v>
      </c>
      <c r="E46" s="35" t="s">
        <v>177</v>
      </c>
      <c r="F46" s="16" t="s">
        <v>175</v>
      </c>
      <c r="G46" s="22"/>
      <c r="H46" s="22" t="s">
        <v>233</v>
      </c>
      <c r="I46" s="22" t="s">
        <v>233</v>
      </c>
      <c r="J46" s="22"/>
      <c r="K46" s="22" t="s">
        <v>233</v>
      </c>
      <c r="L46" s="22"/>
    </row>
    <row r="47" spans="1:12" ht="144" x14ac:dyDescent="0.2">
      <c r="A47" s="29">
        <v>44</v>
      </c>
      <c r="B47" s="15" t="s">
        <v>221</v>
      </c>
      <c r="C47" s="16" t="s">
        <v>222</v>
      </c>
      <c r="D47" s="2" t="s">
        <v>179</v>
      </c>
      <c r="E47" s="34" t="s">
        <v>178</v>
      </c>
      <c r="F47" s="15" t="s">
        <v>180</v>
      </c>
      <c r="G47" s="9" t="s">
        <v>233</v>
      </c>
      <c r="H47" s="9" t="s">
        <v>233</v>
      </c>
      <c r="I47" s="9"/>
      <c r="J47" s="9" t="s">
        <v>233</v>
      </c>
      <c r="K47" s="9" t="s">
        <v>233</v>
      </c>
      <c r="L47" s="9"/>
    </row>
    <row r="48" spans="1:12" ht="144" x14ac:dyDescent="0.2">
      <c r="A48" s="29">
        <v>45</v>
      </c>
      <c r="B48" s="16" t="s">
        <v>223</v>
      </c>
      <c r="C48" s="16" t="s">
        <v>224</v>
      </c>
      <c r="D48" s="2" t="s">
        <v>225</v>
      </c>
      <c r="E48" s="35" t="s">
        <v>226</v>
      </c>
      <c r="F48" s="16" t="s">
        <v>227</v>
      </c>
      <c r="G48" s="9"/>
      <c r="H48" s="9"/>
      <c r="I48" s="9" t="s">
        <v>233</v>
      </c>
      <c r="J48" s="9"/>
      <c r="K48" s="9" t="s">
        <v>233</v>
      </c>
      <c r="L48" s="9"/>
    </row>
    <row r="49" spans="1:12" ht="144" x14ac:dyDescent="0.2">
      <c r="A49" s="29">
        <v>46</v>
      </c>
      <c r="B49" s="16" t="s">
        <v>229</v>
      </c>
      <c r="C49" s="17" t="s">
        <v>228</v>
      </c>
      <c r="D49" s="6" t="s">
        <v>231</v>
      </c>
      <c r="E49" s="35" t="s">
        <v>232</v>
      </c>
      <c r="F49" s="16" t="s">
        <v>230</v>
      </c>
      <c r="G49" s="22"/>
      <c r="H49" s="22" t="s">
        <v>233</v>
      </c>
      <c r="I49" s="22" t="s">
        <v>233</v>
      </c>
      <c r="J49" s="22"/>
      <c r="K49" s="22" t="s">
        <v>238</v>
      </c>
      <c r="L49" s="22"/>
    </row>
    <row r="50" spans="1:12" ht="144" x14ac:dyDescent="0.2">
      <c r="A50" s="29">
        <v>47</v>
      </c>
      <c r="B50" s="18" t="s">
        <v>239</v>
      </c>
      <c r="C50" s="18" t="s">
        <v>240</v>
      </c>
      <c r="D50" s="2" t="s">
        <v>242</v>
      </c>
      <c r="E50" s="34" t="s">
        <v>243</v>
      </c>
      <c r="F50" s="15" t="s">
        <v>241</v>
      </c>
      <c r="G50" s="9"/>
      <c r="H50" s="9" t="s">
        <v>244</v>
      </c>
      <c r="I50" s="9"/>
      <c r="J50" s="9"/>
      <c r="K50" s="9" t="s">
        <v>244</v>
      </c>
      <c r="L50" s="9"/>
    </row>
    <row r="51" spans="1:12" ht="201.6" x14ac:dyDescent="0.2">
      <c r="A51" s="29">
        <v>48</v>
      </c>
      <c r="B51" s="16" t="s">
        <v>245</v>
      </c>
      <c r="C51" s="17" t="s">
        <v>246</v>
      </c>
      <c r="D51" s="6" t="s">
        <v>247</v>
      </c>
      <c r="E51" s="36" t="s">
        <v>250</v>
      </c>
      <c r="F51" s="16" t="s">
        <v>248</v>
      </c>
      <c r="G51" s="22"/>
      <c r="H51" s="22" t="s">
        <v>249</v>
      </c>
      <c r="I51" s="22" t="s">
        <v>249</v>
      </c>
      <c r="J51" s="22"/>
      <c r="K51" s="22" t="s">
        <v>249</v>
      </c>
      <c r="L51" s="22"/>
    </row>
    <row r="52" spans="1:12" ht="158.4" x14ac:dyDescent="0.2">
      <c r="A52" s="29">
        <v>49</v>
      </c>
      <c r="B52" s="16" t="s">
        <v>266</v>
      </c>
      <c r="C52" s="17" t="s">
        <v>251</v>
      </c>
      <c r="D52" s="3" t="s">
        <v>259</v>
      </c>
      <c r="E52" s="33" t="s">
        <v>267</v>
      </c>
      <c r="F52" s="16" t="s">
        <v>268</v>
      </c>
      <c r="G52" s="23" t="s">
        <v>252</v>
      </c>
      <c r="H52" s="22"/>
      <c r="I52" s="9"/>
      <c r="J52" s="23"/>
      <c r="K52" s="22" t="s">
        <v>252</v>
      </c>
      <c r="L52" s="22"/>
    </row>
    <row r="53" spans="1:12" ht="178.8" customHeight="1" x14ac:dyDescent="0.2">
      <c r="A53" s="29">
        <v>50</v>
      </c>
      <c r="B53" s="16" t="s">
        <v>269</v>
      </c>
      <c r="C53" s="17" t="s">
        <v>251</v>
      </c>
      <c r="D53" s="3" t="s">
        <v>259</v>
      </c>
      <c r="E53" s="33" t="s">
        <v>267</v>
      </c>
      <c r="F53" s="16" t="s">
        <v>270</v>
      </c>
      <c r="G53" s="23"/>
      <c r="H53" s="22" t="s">
        <v>271</v>
      </c>
      <c r="I53" s="9"/>
      <c r="J53" s="23"/>
      <c r="K53" s="22" t="s">
        <v>238</v>
      </c>
      <c r="L53" s="22"/>
    </row>
    <row r="54" spans="1:12" ht="123" customHeight="1" x14ac:dyDescent="0.2">
      <c r="A54" s="29">
        <v>51</v>
      </c>
      <c r="B54" s="18" t="s">
        <v>253</v>
      </c>
      <c r="C54" s="18" t="s">
        <v>254</v>
      </c>
      <c r="D54" s="3" t="s">
        <v>255</v>
      </c>
      <c r="E54" s="34" t="s">
        <v>256</v>
      </c>
      <c r="F54" s="15" t="s">
        <v>257</v>
      </c>
      <c r="G54" s="9"/>
      <c r="H54" s="9"/>
      <c r="I54" s="9" t="s">
        <v>238</v>
      </c>
      <c r="J54" s="9"/>
      <c r="K54" s="9" t="s">
        <v>238</v>
      </c>
      <c r="L54" s="9"/>
    </row>
    <row r="55" spans="1:12" ht="133.19999999999999" customHeight="1" x14ac:dyDescent="0.2">
      <c r="A55" s="29">
        <v>52</v>
      </c>
      <c r="B55" s="18" t="s">
        <v>274</v>
      </c>
      <c r="C55" s="18" t="s">
        <v>275</v>
      </c>
      <c r="D55" s="37" t="s">
        <v>278</v>
      </c>
      <c r="E55" s="34" t="s">
        <v>276</v>
      </c>
      <c r="F55" s="15" t="s">
        <v>277</v>
      </c>
      <c r="G55" s="9"/>
      <c r="H55" s="9" t="s">
        <v>273</v>
      </c>
      <c r="I55" s="9"/>
      <c r="J55" s="9"/>
      <c r="K55" s="9" t="s">
        <v>258</v>
      </c>
      <c r="L55" s="9"/>
    </row>
    <row r="56" spans="1:12" ht="163.80000000000001" customHeight="1" x14ac:dyDescent="0.2">
      <c r="A56" s="38">
        <v>53</v>
      </c>
      <c r="B56" s="15" t="s">
        <v>287</v>
      </c>
      <c r="C56" s="18" t="s">
        <v>279</v>
      </c>
      <c r="D56" s="37" t="s">
        <v>282</v>
      </c>
      <c r="E56" s="34" t="s">
        <v>281</v>
      </c>
      <c r="F56" s="15" t="s">
        <v>280</v>
      </c>
      <c r="G56" s="9" t="s">
        <v>283</v>
      </c>
      <c r="H56" s="9" t="s">
        <v>238</v>
      </c>
      <c r="I56" s="9" t="s">
        <v>283</v>
      </c>
      <c r="J56" s="9"/>
      <c r="K56" s="9" t="s">
        <v>238</v>
      </c>
      <c r="L56" s="9"/>
    </row>
    <row r="57" spans="1:12" ht="137.4" customHeight="1" x14ac:dyDescent="0.2">
      <c r="A57" s="38">
        <v>54</v>
      </c>
      <c r="B57" s="15" t="s">
        <v>284</v>
      </c>
      <c r="C57" s="18" t="s">
        <v>279</v>
      </c>
      <c r="D57" s="37" t="s">
        <v>286</v>
      </c>
      <c r="E57" s="34" t="s">
        <v>281</v>
      </c>
      <c r="F57" s="15" t="s">
        <v>285</v>
      </c>
      <c r="G57" s="9" t="s">
        <v>283</v>
      </c>
      <c r="H57" s="9" t="s">
        <v>238</v>
      </c>
      <c r="I57" s="9" t="s">
        <v>283</v>
      </c>
      <c r="J57" s="9"/>
      <c r="K57" s="9" t="s">
        <v>238</v>
      </c>
      <c r="L57" s="9"/>
    </row>
    <row r="58" spans="1:12" ht="238.2" customHeight="1" x14ac:dyDescent="0.2">
      <c r="A58" s="39">
        <v>55</v>
      </c>
      <c r="B58" s="15" t="s">
        <v>288</v>
      </c>
      <c r="C58" s="15" t="s">
        <v>289</v>
      </c>
      <c r="D58" s="37" t="s">
        <v>290</v>
      </c>
      <c r="E58" s="34" t="s">
        <v>291</v>
      </c>
      <c r="F58" s="15" t="s">
        <v>292</v>
      </c>
      <c r="G58" s="9"/>
      <c r="H58" s="9"/>
      <c r="I58" s="9" t="s">
        <v>238</v>
      </c>
      <c r="J58" s="9"/>
      <c r="K58" s="9" t="s">
        <v>238</v>
      </c>
      <c r="L58" s="9"/>
    </row>
  </sheetData>
  <autoFilter ref="G3:L3" xr:uid="{00000000-0009-0000-0000-000000000000}"/>
  <mergeCells count="9">
    <mergeCell ref="G2:I2"/>
    <mergeCell ref="J2:L2"/>
    <mergeCell ref="F1:F3"/>
    <mergeCell ref="A1:A3"/>
    <mergeCell ref="B1:B3"/>
    <mergeCell ref="C1:C3"/>
    <mergeCell ref="D1:D3"/>
    <mergeCell ref="E1:E3"/>
    <mergeCell ref="G1:L1"/>
  </mergeCells>
  <phoneticPr fontId="1"/>
  <hyperlinks>
    <hyperlink ref="D5" r:id="rId1" display="http://www.netmil.jp/ " xr:uid="{00000000-0004-0000-0000-000000000000}"/>
    <hyperlink ref="D6" r:id="rId2" display="http://www.anzentaisaku.com/anpikakunin/index.htm " xr:uid="{00000000-0004-0000-0000-000001000000}"/>
    <hyperlink ref="D7" r:id="rId3" display="http://www.alsok.co.jp/person/mimamori/ " xr:uid="{00000000-0004-0000-0000-000002000000}"/>
    <hyperlink ref="D8" r:id="rId4" xr:uid="{00000000-0004-0000-0000-000003000000}"/>
    <hyperlink ref="D9" r:id="rId5" display="http://www.imairumo.com/ " xr:uid="{00000000-0004-0000-0000-000004000000}"/>
    <hyperlink ref="D11" r:id="rId6" location="anchor01" xr:uid="{00000000-0004-0000-0000-000005000000}"/>
    <hyperlink ref="D12" r:id="rId7" display="http://tsunagariplus.cocolomi.net " xr:uid="{00000000-0004-0000-0000-000006000000}"/>
    <hyperlink ref="D15" r:id="rId8" display="http://www.exceliebe.com/mimamorin/index.html " xr:uid="{00000000-0004-0000-0000-000007000000}"/>
    <hyperlink ref="D16" r:id="rId9" display="http://dream-sensor.com " xr:uid="{00000000-0004-0000-0000-000008000000}"/>
    <hyperlink ref="D17" r:id="rId10" display="http://www.artdata.co.jp/ " xr:uid="{00000000-0004-0000-0000-000009000000}"/>
    <hyperlink ref="D18" r:id="rId11" display="https://www.liberty-mimasapo.com/ " xr:uid="{00000000-0004-0000-0000-00000A000000}"/>
    <hyperlink ref="D19" r:id="rId12" display="http://www.aitosys.com/doashiru.html " xr:uid="{00000000-0004-0000-0000-00000B000000}"/>
    <hyperlink ref="D20" r:id="rId13" display="http://www.mimamori.jp/ " xr:uid="{00000000-0004-0000-0000-00000C000000}"/>
    <hyperlink ref="D22" r:id="rId14" display="https://www.nps-inc.jp/files/kaigo_mimamoro.pdf " xr:uid="{00000000-0004-0000-0000-00000D000000}"/>
    <hyperlink ref="D23" r:id="rId15" xr:uid="{00000000-0004-0000-0000-00000E000000}"/>
    <hyperlink ref="D24" r:id="rId16" xr:uid="{00000000-0004-0000-0000-00000F000000}"/>
    <hyperlink ref="D25" r:id="rId17" display="https://www.aivs.co.jp/watch_pri/ " xr:uid="{00000000-0004-0000-0000-000010000000}"/>
    <hyperlink ref="D26" r:id="rId18" display="http://www.iot-net.jp/ " xr:uid="{00000000-0004-0000-0000-000011000000}"/>
    <hyperlink ref="D27" r:id="rId19" display="http://www.kizunaseikatsu.jp/ " xr:uid="{00000000-0004-0000-0000-000012000000}"/>
    <hyperlink ref="D28" r:id="rId20" display="http://www.mimamoro.biz/ " xr:uid="{00000000-0004-0000-0000-000013000000}"/>
    <hyperlink ref="D30" r:id="rId21" display="http://fajpn.com/ " xr:uid="{00000000-0004-0000-0000-000014000000}"/>
    <hyperlink ref="D31" r:id="rId22" display="http://www.esuto.co.jp/ " xr:uid="{00000000-0004-0000-0000-000015000000}"/>
    <hyperlink ref="D13" r:id="rId23" xr:uid="{00000000-0004-0000-0000-000016000000}"/>
    <hyperlink ref="D14" r:id="rId24" display="https://www.we-are-csp.co.jp/tabid/366/Default.aspx" xr:uid="{00000000-0004-0000-0000-000017000000}"/>
    <hyperlink ref="D21" r:id="rId25" xr:uid="{00000000-0004-0000-0000-000018000000}"/>
    <hyperlink ref="D36" r:id="rId26" xr:uid="{00000000-0004-0000-0000-000019000000}"/>
    <hyperlink ref="D37" r:id="rId27" xr:uid="{00000000-0004-0000-0000-00001A000000}"/>
    <hyperlink ref="D4" r:id="rId28" display="http://www.mimamori.net/" xr:uid="{00000000-0004-0000-0000-00001B000000}"/>
    <hyperlink ref="D10" r:id="rId29" xr:uid="{00000000-0004-0000-0000-00001C000000}"/>
    <hyperlink ref="D35" r:id="rId30" display="http://www.machikyo.or.jp/koureisyakai/download/anshinhosyou_2016.pdf" xr:uid="{00000000-0004-0000-0000-00001D000000}"/>
    <hyperlink ref="D34" r:id="rId31" display="http://www.cherrybpm.com " xr:uid="{00000000-0004-0000-0000-00001E000000}"/>
    <hyperlink ref="D33" r:id="rId32" display="http://life-brains.jp/ " xr:uid="{00000000-0004-0000-0000-00001F000000}"/>
    <hyperlink ref="D32" r:id="rId33" xr:uid="{00000000-0004-0000-0000-000020000000}"/>
    <hyperlink ref="D38" r:id="rId34" xr:uid="{00000000-0004-0000-0000-000021000000}"/>
    <hyperlink ref="D39" r:id="rId35" xr:uid="{00000000-0004-0000-0000-000022000000}"/>
    <hyperlink ref="D40" r:id="rId36" xr:uid="{00000000-0004-0000-0000-000023000000}"/>
    <hyperlink ref="D29" r:id="rId37" xr:uid="{00000000-0004-0000-0000-000024000000}"/>
    <hyperlink ref="D41" r:id="rId38" xr:uid="{00000000-0004-0000-0000-000025000000}"/>
    <hyperlink ref="D42" r:id="rId39" display="https://www.enrich.tokyo" xr:uid="{00000000-0004-0000-0000-000026000000}"/>
    <hyperlink ref="D43" r:id="rId40" xr:uid="{00000000-0004-0000-0000-000027000000}"/>
    <hyperlink ref="D44" r:id="rId41" xr:uid="{00000000-0004-0000-0000-000028000000}"/>
    <hyperlink ref="D55" r:id="rId42" xr:uid="{00000000-0004-0000-0000-000029000000}"/>
    <hyperlink ref="D52" r:id="rId43" xr:uid="{00000000-0004-0000-0000-00002A000000}"/>
    <hyperlink ref="D53" r:id="rId44" xr:uid="{00000000-0004-0000-0000-00002B000000}"/>
    <hyperlink ref="D54" r:id="rId45" xr:uid="{3D721901-7AF8-4B7D-B9C6-3F5532B19167}"/>
    <hyperlink ref="D56" r:id="rId46" xr:uid="{92B2A260-EE67-4C0D-B829-FEB4DEEC4C98}"/>
    <hyperlink ref="D57" r:id="rId47" display="https://prtimes.jp/main/html/rd/p/000000007.000154370.html" xr:uid="{C681898D-379E-483A-842C-86FE3B3A57C9}"/>
    <hyperlink ref="D58" r:id="rId48" xr:uid="{0D6BAD95-9E09-4528-BC96-2FEE6B32603A}"/>
  </hyperlinks>
  <pageMargins left="0.51181102362204722" right="0.31496062992125984" top="0.55118110236220474" bottom="0.35433070866141736" header="0.31496062992125984" footer="0.31496062992125984"/>
  <pageSetup paperSize="9" scale="67" orientation="landscape" r:id="rId49"/>
  <headerFooter>
    <oddHeader>&amp;C&amp;"ＭＳ ゴシック,標準"&amp;14「センサー・機器等による高齢者の見守り・安否確認サービス実施企業一覧」</oddHeader>
  </headerFooter>
  <rowBreaks count="10" manualBreakCount="10">
    <brk id="9" max="11" man="1"/>
    <brk id="15" max="11" man="1"/>
    <brk id="19" max="11" man="1"/>
    <brk id="24" max="11" man="1"/>
    <brk id="29" max="11" man="1"/>
    <brk id="34" max="11" man="1"/>
    <brk id="39" max="11" man="1"/>
    <brk id="43" max="11" man="1"/>
    <brk id="48" max="11" man="1"/>
    <brk id="5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全サービス基本情報</vt:lpstr>
      <vt:lpstr>全サービス基本情報!Print_Area</vt:lpstr>
      <vt:lpstr>全サービス基本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6-02-06T02:21:17Z</cp:lastPrinted>
  <dcterms:created xsi:type="dcterms:W3CDTF">2017-11-15T05:39:14Z</dcterms:created>
  <dcterms:modified xsi:type="dcterms:W3CDTF">2026-02-08T23:44:29Z</dcterms:modified>
</cp:coreProperties>
</file>